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67CC8733-C256-4458-BB19-6725EBCDC2F5}" xr6:coauthVersionLast="45" xr6:coauthVersionMax="45" xr10:uidLastSave="{00000000-0000-0000-0000-000000000000}"/>
  <bookViews>
    <workbookView xWindow="4750" yWindow="30" windowWidth="11410" windowHeight="995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4642" uniqueCount="1145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  <si>
    <t>วิมพ์ดีไซน์ VIM DESIGN</t>
  </si>
  <si>
    <t>เน็คไท (ผ้าทอยกดอก) - ตรัง</t>
  </si>
  <si>
    <t>เส้น</t>
  </si>
  <si>
    <t>ผ้าทอยกดอก สีทอง</t>
  </si>
  <si>
    <t>ยาว 58 นิ้ว</t>
  </si>
  <si>
    <t xml:space="preserve">วิสาหกิจชุมชนผ้าทอนาหมื่นศรี </t>
  </si>
  <si>
    <t>กระเป๋ากระจูดสองชั้น - นราธิวาส</t>
  </si>
  <si>
    <t>กระเป๋าสานจากกรจูด 2 ชั้น ย้อมสีธรรมชาติ</t>
  </si>
  <si>
    <t>3x10x13 นิ้ว</t>
  </si>
  <si>
    <t>บริษัท ประชารัฐรักสามัคคีนราธิวาส (วิสาหกิจเพื่อสังคม) จำกัด</t>
  </si>
  <si>
    <t>กระจูดกระเช้า - นราธิวาส</t>
  </si>
  <si>
    <t>กระจาดสานจากกระจูด รูปแบบทรงกลม</t>
  </si>
  <si>
    <t>14 นิ้ว</t>
  </si>
  <si>
    <t>กลุ่มสตรีจักสานกระจูด</t>
  </si>
  <si>
    <t>สมุดปกกาบกล้วย 2 พับ - ปัตตานี</t>
  </si>
  <si>
    <t>ผลิตจากกาบกล้วย แต่งลายด้วยผ้าบาติด</t>
  </si>
  <si>
    <t>2x9x16 ซม.</t>
  </si>
  <si>
    <t>กลุ่มกัทลีหัตถกรรมกาบกล้วย</t>
  </si>
  <si>
    <t>สมุดกาบกล้วยกะลากลุ่มภัทลี - ปัตตานี</t>
  </si>
  <si>
    <t>ผลิตจากกาบกล้วย แต่งลายด้วยผ้าบาติด และกะลา</t>
  </si>
  <si>
    <t>2x13x9 ซม.</t>
  </si>
  <si>
    <t>กล่องเจาะหน้าผ้าขาวม้า 14x28x6.5 ซม.- ปัตตานี</t>
  </si>
  <si>
    <t>ผลิตจากาบกล้วยและกระดาษสา พร้อมเจาะหน้า</t>
  </si>
  <si>
    <t>14x28x6.5 ซม</t>
  </si>
  <si>
    <t>ผ้าปูที่นอนบาติก - ภูเก็ต</t>
  </si>
  <si>
    <t>ชุด</t>
  </si>
  <si>
    <t>ผลิตจากผ้าบาติก</t>
  </si>
  <si>
    <t>6 ฟุต</t>
  </si>
  <si>
    <t>บริษัท ประชารัฐรักสามัคคีภูเก็ต (วิสาหกิจเพื่อสังคม) จำกัด</t>
  </si>
  <si>
    <t>กระแตบฝาครอบ บ้านทรงธรรม - ชลบุรี</t>
  </si>
  <si>
    <t>จักรสานแปรรูปจากไม้ไผ่</t>
  </si>
  <si>
    <t>10x12 นิ้ว</t>
  </si>
  <si>
    <t>กลุ่มส่งเสริมอาชีพจักสานไม้ไผ่บ้านทรงธรรม</t>
  </si>
  <si>
    <t>ปกสมุดผ้าขาวม้า ขนาด B6 ลายผ้าขาวม้า ดลมณี - ราชบุรี</t>
  </si>
  <si>
    <t>ผลิตจากผ้าฝ้ายทอมือ แปรรูปเป็นปกสมุด</t>
  </si>
  <si>
    <t xml:space="preserve">
BANHOWsaohai </t>
  </si>
  <si>
    <t>ตุ๊กตาแม่อวบฝ้ายเย็บมือ บ้านเฮาเสาไห้ - สระบุรี</t>
  </si>
  <si>
    <t>ตุ๊กตาเย็บมือ แต่งผ้าทอมือยกดอก</t>
  </si>
  <si>
    <t>5.5x15.5 นิ้ว</t>
  </si>
  <si>
    <t>บ้านเฮาเสาไห้</t>
  </si>
  <si>
    <t>เสื้อคอวีผ้าภูอัคนี - บุรีรัมย์</t>
  </si>
  <si>
    <t>ผ้าภูอัคนีทอมือ ย้อมดินภูเขาไฟ แปรรูปเป็นเสื้อผ้า</t>
  </si>
  <si>
    <t>Size S M L</t>
  </si>
  <si>
    <t>กลุ่มอาชีพสตรีทอผ้าฝ้าย-ไหม(ภูอัคนี)</t>
  </si>
  <si>
    <t>โมบายผ้าภูอัคนี - บุรีรัมย์</t>
  </si>
  <si>
    <t>โมบายผ้าทอมือ</t>
  </si>
  <si>
    <t>5.5x6 นิ้ว</t>
  </si>
  <si>
    <t>นายพัฒนชัย ลิมไธสง</t>
  </si>
  <si>
    <t>กระเป๋าคีรีวายุ (ผ้าภูอัคคนี) แบบถือ - บุรีรัมย์</t>
  </si>
  <si>
    <t>ทำจากผ้าทอมือภูอัคนี ตกแต่งสายหนัง</t>
  </si>
  <si>
    <t>3x5.5x7</t>
  </si>
  <si>
    <t>ที่รองจานเสื่อกก - บุรีรัมย์</t>
  </si>
  <si>
    <t>ทำจากต้นกก</t>
  </si>
  <si>
    <t>32x45 cm</t>
  </si>
  <si>
    <t>พวงกุญแจภูเขาไฟ - บุรีรัมย์</t>
  </si>
  <si>
    <t>ทำจากผ้าทอมือภูอัคนี ตกแต่งด้วยเชือกเทียน</t>
  </si>
  <si>
    <t>3.5x4.4 นิ้ว</t>
  </si>
  <si>
    <t>กระเป๋าคีรีวายุ (ผ้าภูอัคคนี)แบบปากหนีบ - บุรีรัมย์</t>
  </si>
  <si>
    <t>3x4.7x4 นิ้ว</t>
  </si>
  <si>
    <t>รองเท้าผักตบชวา - บุรีรัมย์</t>
  </si>
  <si>
    <t>รองเท้าสานจากผักตบชวา พื้นเป็นฟองน้ำ</t>
  </si>
  <si>
    <t>Size M L</t>
  </si>
  <si>
    <t>กางเกงผ้าฝ้าย (ทรงแม้ว) สิ่งประดิษฐ์ - ยโสธร</t>
  </si>
  <si>
    <t>ผ้าขาวม้าทอมือ แปรรูปเป็นกางเกงทรงแม้ว</t>
  </si>
  <si>
    <t xml:space="preserve">กลุ่มผ้าแปรรูปและสิ่งประดิษฐ์ </t>
  </si>
  <si>
    <t>กระเป๋าเป้โค้ง E-PO ผ้าขาวม้าสีกรม - อำนาจเจริญ</t>
  </si>
  <si>
    <t>แปรรูปจากผ้าขาวม้า ซับในด้วยผ้าผ้าสปันบอนด์</t>
  </si>
  <si>
    <t>3.5x11x12 นิ้ว</t>
  </si>
  <si>
    <t>มาลัยกรผ้าขาวม้าจิ๋ว สีชมพู - อำนาจเจริญ</t>
  </si>
  <si>
    <t>ทำจากผ้าขาวม้าแบ่ง 4 ส่วน แล้วนำมาพับเป็นมาลัยกร</t>
  </si>
  <si>
    <t>20x36 นิ้ว</t>
  </si>
  <si>
    <t>นางกัลยารัตน์ เชื้อสิงห์</t>
  </si>
  <si>
    <t>กระเป๋าสตางค์ผ้าขาวม้า - อำนาจเจริญ</t>
  </si>
  <si>
    <t>ผลิตจากผ้าขาวม้า แปรรูปเป็นกระเป๋าสตางค์</t>
  </si>
  <si>
    <t>4x6.7 นิ้ว</t>
  </si>
  <si>
    <t>กระเป๋าแฟชั่น 2 ช่อง นุชบา - อำนาจเจริญ</t>
  </si>
  <si>
    <t>ผลิตจากผ้าขาวม้า แปรรูปเป็นกระเป๋ามีที่ใส่ 2 ช่อง</t>
  </si>
  <si>
    <t>4x8x8 นิ้ว</t>
  </si>
  <si>
    <t>มินิบัสเกตสายหนัง นุชบา - อำนาจเจริญ</t>
  </si>
  <si>
    <t>ผลิตจากผ้าขาวม้าอัดกาว แปรรูปผ้าขาวม้าสายหนัง</t>
  </si>
  <si>
    <t>4x10x7.5 นิ้ว</t>
  </si>
  <si>
    <t>กระเป๋าบัสเกตทรงสูงผ้าเชียงใหม่ นุชบา - อำนาจเจริญ</t>
  </si>
  <si>
    <t>ผลิตจากผ้าทอพื้นเมืองเชียงใหม่ แปรรูปเป็นกระเป๋า</t>
  </si>
  <si>
    <t>11x14 นิ้ว</t>
  </si>
  <si>
    <t>ที่รองจานเสื่อกก อู่ต่อเรือ - จันทบุรี</t>
  </si>
  <si>
    <t>30x45 cm</t>
  </si>
  <si>
    <t>กลุ่มสตรีทอเสื่อกกบ้านเสม็ดงาม</t>
  </si>
  <si>
    <t>เสื้อแจ๊กเก็ต ผ้าขาวม้า - ปทุมธานี</t>
  </si>
  <si>
    <t>ผ้าขาวม้าทอมือ แปรรูปเป็นเสื้อแจ๊กเก็ต</t>
  </si>
  <si>
    <t>SIZE L</t>
  </si>
  <si>
    <t>วิสาหกิจชุมชน คตตอนดีไซน์</t>
  </si>
  <si>
    <t>รองเท้าผ้าทอ SIZE S บ้านบัวก๋อ - เลย</t>
  </si>
  <si>
    <t>ผลิตจากผ้าฝ้ายทอมือ บุฟองน้ำ</t>
  </si>
  <si>
    <t>SIZE S 10 นิ้ว</t>
  </si>
  <si>
    <t xml:space="preserve">ชุมชนบ้านบัวก๋อ </t>
  </si>
  <si>
    <t>รองเท้าผ้าทอ SIZE M บ้านบัวก๋อ - เลย</t>
  </si>
  <si>
    <t>SIZE M 11 นิ้ว</t>
  </si>
  <si>
    <t>รองเท้าผ้าทอ SIZE L บ้านบัวก๋อ - เลย</t>
  </si>
  <si>
    <t>SIZE L11.5 นิ้ว</t>
  </si>
  <si>
    <t>ผอบช้าง จักรสานไทเลย - เลย</t>
  </si>
  <si>
    <t>สานด้วยไม้ไผ่ ฐานและฝาทำจากไม้สักรมควัน</t>
  </si>
  <si>
    <t>10x16 cm</t>
  </si>
  <si>
    <t xml:space="preserve">กลุ่มหัตถกรรมจักสานไทเลย </t>
  </si>
  <si>
    <t>พวงกุญแจไดโนเสาร์เล็ก สีน้ำเงินขาว - กาฬสินธุ์</t>
  </si>
  <si>
    <t xml:space="preserve">ผลิตจากผ้าขาวม้า สีขาว-ฟ้า </t>
  </si>
  <si>
    <t>11x14 cm</t>
  </si>
  <si>
    <t xml:space="preserve">บริษัท ประชารัฐรักสามัคคีกาฬสินธุ์ (วิสาหกิจเพื่อสังคม) จำกัด </t>
  </si>
  <si>
    <t>เสื้อมัดย้อมคราม นุ่มนิ่มผ้าคราม - สกลนคร</t>
  </si>
  <si>
    <t>ผ้า COTTON ย้อมคราม</t>
  </si>
  <si>
    <t>ร้าน 928 นุ่นนิ่มผ้าคราม บ้านโนนจำปา</t>
  </si>
  <si>
    <t>คาดผม นุ่มนิ่มผ้าคราม - สกลนคร</t>
  </si>
  <si>
    <t>ตัดเย็บจากผ้ามัดย้อม</t>
  </si>
  <si>
    <t>22 นิ้ว</t>
  </si>
  <si>
    <t>พวงกุญแจแมว นุ่มนิ่มผ้าคราม - สกลนคร</t>
  </si>
  <si>
    <t>ทำจากผ้าย้อมคราม ตกแต่งด้วยปอม พู่ และกระดิ่ง ปักหน้ารูปแมว</t>
  </si>
  <si>
    <t>3.7x8.5 นิ้ว</t>
  </si>
  <si>
    <t>พวงกุญแจดอกไม้ นุ่มนิ่มผ้าคราม - สกลนคร</t>
  </si>
  <si>
    <t>ทำจากผ้าย้อมคราม ตกแต่งด้วยปอม พู่ และกระดิ่ง</t>
  </si>
  <si>
    <t>8 นิ้ว</t>
  </si>
  <si>
    <t>เทวาผ้าไทย</t>
  </si>
  <si>
    <t>ผ้าขาวม้า - หนองบัวลำภู เทวา</t>
  </si>
  <si>
    <t>ผ้าฝ้ายทอมือ ลายผ้าขาวม้า หมักน้ำซาวข้าว</t>
  </si>
  <si>
    <t>กลุ่มทอผ้าพื้นเมืองเทวาผ้าไทย บ้านนาคำไฮ</t>
  </si>
  <si>
    <t>ผ้าคลุมไหล่ผ้าขาวม้า บ้านนาคำไฮ - หนองบัวลำภู</t>
  </si>
  <si>
    <t>ผ้าพันคอ - หนองบัวลำภู เทวา</t>
  </si>
  <si>
    <t>ผ้าฝ้ายทอมือ หมักน้ำซาวข้าว</t>
  </si>
  <si>
    <t>50x200 cm</t>
  </si>
  <si>
    <t>ข้าวมะลิดำ 62 ข้าวเปลือก - หนองคาย</t>
  </si>
  <si>
    <t>ผ้าฝ้ายทอมือ ลายลูกแก้ว หมักน้ำซาวข้าว</t>
  </si>
  <si>
    <t>ช่อดอกกุหลาบผ้าขาวม้าแบบ 1 ผืน - อำนาจเจริญ</t>
  </si>
  <si>
    <t>ช่อ</t>
  </si>
  <si>
    <t>ดอกไม้ทำจากผ้าขาวม้า ทอมือ แกะออกแล้วสามารถนำไปใช้ประโยชน์ได้</t>
  </si>
  <si>
    <t>บริษัท ประชารัฐรักสามัคคีอำนาจเจริญ (วิสาหกิจเพื่อสังคม) จำกัด</t>
  </si>
  <si>
    <t>ช่อดอกกุหลาบผ้าขาวม้าแบบ 2 ผืน - อำนาจเจริญ</t>
  </si>
  <si>
    <t>กระเป๋ามินิบัสเกตสายผ้า นุชบา - อำนาจเจริญ</t>
  </si>
  <si>
    <t>ผ้าขาวม้าแปรรูปเป็นกระเป๋า บุผ้าผ้าสปันบอนด์ สายคล้องมือ</t>
  </si>
  <si>
    <t>4.5x10x8 นิ้ว</t>
  </si>
  <si>
    <t>โจงกระเบน - อำนาจเจริญ</t>
  </si>
  <si>
    <t>ผ้าขาวม้าทอมือ แปรรูปเป็นโจงกระเบน</t>
  </si>
  <si>
    <t>กระเป๋าผ้าขาวม้า Long Champ - อำนาจเจริญ</t>
  </si>
  <si>
    <t>ผ้าขาวม้าทอมือ แปรรูปเป็นกระเป๋า มีสายแบบถือและสะพายข้าง</t>
  </si>
  <si>
    <t>ผ้าอเนกประสงค์ปักลายดอกไม้ - อุบลราชธานี</t>
  </si>
  <si>
    <t>ผ้าทอมือย้อมสีธรรมชาติ โขงเจียม ปักสายดอกไม้</t>
  </si>
  <si>
    <t>14x14 นิ้ว</t>
  </si>
  <si>
    <t>นางสวาย จันทร์ปิรักษ์</t>
  </si>
  <si>
    <t>ผ้าอเนกประสงค์ติดตุ๊กตาปลา - อุบลราชธานี</t>
  </si>
  <si>
    <t>ผ้าทอมือย้อมสีธรรมชาติ โขงเจียม</t>
  </si>
  <si>
    <t>กระเป๋าเล็ก บ้านห้วยทราย - เชียงใหม่</t>
  </si>
  <si>
    <t>ทำจากผ้าพื้นเมือง แต่งพู่</t>
  </si>
  <si>
    <t>5x7 นิ้ว</t>
  </si>
  <si>
    <t>ผลิตภัณฑ์ผ้าฝ้ายทอมือ กลุ่มทอผ้าบ้านห้วยทราย</t>
  </si>
  <si>
    <t>พวงกุญแจปลา บ้านห้วยทราย - เชียงใหม่</t>
  </si>
  <si>
    <t>ทำจากผ้าพื้นเมือง ปักลายด้วยมือ</t>
  </si>
  <si>
    <t>กระเป๋าถือมหาเสน่ห์ - พะเยา</t>
  </si>
  <si>
    <t>ผลิตจากผักตบชวา ตกแต่งด้วยพู่และผ้าขาวม้า</t>
  </si>
  <si>
    <t>2x12x10 นิ้ว</t>
  </si>
  <si>
    <t>บริษัท ประชารัฐรักสามัคคีพะเยา (วิสาหกิจเพื่อสังคม)  จำกัด</t>
  </si>
  <si>
    <t>กระเป๋าสะพายมหาเสน่ห์ - พะเยา</t>
  </si>
  <si>
    <t>สานด้วยผักตบชวาทั้งใบ ด้านในบุผ้าสาลู ตกแต่งด้วยพู่</t>
  </si>
  <si>
    <t>15x10x12 นิ้ว</t>
  </si>
  <si>
    <t>พวงกุญแจ ตากียะ - แม่ฮ่องสอน</t>
  </si>
  <si>
    <t>ทำจากผ้าทอมือ ตัดเย็บด้วยมือ ตกแต่งปอม และลูกปัด</t>
  </si>
  <si>
    <t>3.5x3 นิ้ว</t>
  </si>
  <si>
    <t xml:space="preserve">กลุ่มตากีญะ </t>
  </si>
  <si>
    <t>เสื้อตัดสั้นตัดต่อ บ้านหาดเสี้ยว - สุโขทัย</t>
  </si>
  <si>
    <t>ผ้าทอมือ ตกแต่งชายเสื้อด้วยผ้าขาวม้า</t>
  </si>
  <si>
    <t>อก 50 ไหล่ 13 ยาว 19</t>
  </si>
  <si>
    <t>เสื้อเชิ๊ตผู้ชาย - ประจวบคีรีขันธ์</t>
  </si>
  <si>
    <t>ผ้าฝ้ายทอมือ แปรรูปเป็นเสื้อผ้า</t>
  </si>
  <si>
    <t>Size L อก 43</t>
  </si>
  <si>
    <t>กลุ่มสตรีทอผ้าบ้านเขาเต่า</t>
  </si>
  <si>
    <t>กระเป๋าสตางค์ บ้านเขาเต่า - ประจวบคีรีขันธ์</t>
  </si>
  <si>
    <t>กระเป๋าสตางค์หนัง PU บุผ้ายกดอก พร้อมสายคล้องมือ</t>
  </si>
  <si>
    <t>4.5x7.5 นิ้ว</t>
  </si>
  <si>
    <t>สมุดกาบกล้วยกะลา ลายสีน้ำตาล - ปัตตานี</t>
  </si>
  <si>
    <t>ปกสมุดผลิตจากกาบกล้วย ด้านในตกแต่งผ้าบาติกแลพกะลา</t>
  </si>
  <si>
    <t>16x22 cm</t>
  </si>
  <si>
    <t>กลุ่มภัทลี หัตถกรรมกาบกล้วย</t>
  </si>
  <si>
    <t>กระเป๋าคุณนาย ชุมชนดีมีรอยยิ้มยี่งอ - นราธิวาส</t>
  </si>
  <si>
    <t>กระเป๋าสานจากกระจูดอัดกาว สายสีดำเป็นหนัง PU</t>
  </si>
  <si>
    <t>5x8 นิ้ว</t>
  </si>
  <si>
    <t>ชุมชนดีมีรอยยิ้มเมืองปัตตานี จังหวัดปัตตานี</t>
  </si>
  <si>
    <t>เสื้อคลุมผ้าขาวม้ายูกะตะหาดเสี้ยว - สุโขทัย</t>
  </si>
  <si>
    <t>ผ้าฝ้ายผ้าขาวม้า แปรรูปเป็นเสื้อยูกะตะ</t>
  </si>
  <si>
    <t>ย่ามใบเล็กบ้านหาดเสี้ยว วิมพ์ดีไซน์ - นนทบุรี</t>
  </si>
  <si>
    <t>9x30 นิ้ว</t>
  </si>
  <si>
    <t>กางเกงฮาเร็มผ้าขาวม้า วิมพ์ดีไซน์ - นนทบุรี</t>
  </si>
  <si>
    <t>ผ้าขาวม้าทอมือ แปรรูปเป็นกางเกง ทรงฮาเร็ม</t>
  </si>
  <si>
    <t>กางเกงฮาเร็มผ้าถุง วิมพ์ดีไซน์ - นนทบุรี</t>
  </si>
  <si>
    <t>ผ้าถุงพื้นเมือง แปรรูปเป็นกางเกง ทรงฮาเร็ม</t>
  </si>
  <si>
    <t>เดรสผ้าขาวม้าอัดกาว VIM DESIGN - นนทบุรี</t>
  </si>
  <si>
    <t>ผ้าขาวม้า อัดกาวแปรรูปเป็นชุดเดรส</t>
  </si>
  <si>
    <t>Size L หน้าอก 36นิ้ว ยาว 40 นิ้ว</t>
  </si>
  <si>
    <t>เดรสผ้าขาวม้าตัดต่อไม่อัดกาว VIM DESIGN - นนทบุรี</t>
  </si>
  <si>
    <t>Size L หน้าอก 36นิ้ว ยาว 35 นิ้ว</t>
  </si>
  <si>
    <t>กล่องกระดาษสา+โบว์สีน้ำตาล - ปัตตานี</t>
  </si>
  <si>
    <t>แปรรูปจากกาบกล้วย ตกแต่งด้วยโบว์สีน้ำตาล</t>
  </si>
  <si>
    <t>3.5x14x31cm</t>
  </si>
  <si>
    <t>กล่องทรงสูง + ดอกไม้ - ปัตตานี</t>
  </si>
  <si>
    <t>แปรรูปจากกาบกล้วย ตกแต่งด้วยดอกไม้ประดิษฐ์</t>
  </si>
  <si>
    <t>9x21 cm</t>
  </si>
  <si>
    <t>147.50</t>
  </si>
  <si>
    <t>ชะลอมหูหิ้ว 7 นิ้ว บ้านสวนตาล - ชลบุรี</t>
  </si>
  <si>
    <t>7x12 นิ้ว</t>
  </si>
  <si>
    <t xml:space="preserve">กลุ่มแม่บ้านสวนตาล </t>
  </si>
  <si>
    <t>ชะลอมจุก 4 นิ้ว บ้านสวนตาล - ชลบุรี</t>
  </si>
  <si>
    <t>4x16 นิ้ว</t>
  </si>
  <si>
    <t>กล่องสี่เหลี่ยม 8x8 บ้านสวนตาล - ชลบุรี</t>
  </si>
  <si>
    <t>8x8 นิ้ว</t>
  </si>
  <si>
    <t>ตลับ 8 เหลียม บ้านสวนตาล</t>
  </si>
  <si>
    <t>10x2.5 นิ้ว</t>
  </si>
  <si>
    <t>ที่ใส่ไวน์คู่ไม้ไผ่ บ้านทรงธรรม - ชลบุรี</t>
  </si>
  <si>
    <t>7.5x18 นิ้ว</t>
  </si>
  <si>
    <t xml:space="preserve">กลุ่มส่งเสริมอาชีพจักสารไม้ไผ่บ้านทรงธรรม </t>
  </si>
  <si>
    <t>กล่องเจาะหน้าผ้าขาวม้า 8x12 บ้านสวนตาล - ชลบุรี</t>
  </si>
  <si>
    <t>8x3x12 นิ้ว</t>
  </si>
  <si>
    <t>ชลอมจุกไม้ไผ่ 7 นิ้ว บ้านทรงธรรม - ชลบุรี</t>
  </si>
  <si>
    <t>7x16 นิ้ว</t>
  </si>
  <si>
    <t>ชลอมจุกไม้ไผ่ 5 นิ้ว บ้านทรงธรรม - ชลบุรี</t>
  </si>
  <si>
    <t>5x14 นิ้ว</t>
  </si>
  <si>
    <t>ชลอมเหลี่ยมไม้ไผ่ 8 นิ้ว บ้านทรงธรรม - ชลบุรี</t>
  </si>
  <si>
    <t>8x3.3นิ้ว</t>
  </si>
  <si>
    <t>ตะกร้าใส่น้ำพริกไม้ไผ่ บ้านทรงธรรม - ชลบุรี</t>
  </si>
  <si>
    <t>2.5x7.5 นิ้ว</t>
  </si>
  <si>
    <t>ชลอมใส่จดหมายไม้ไผ่ บ้านทรงธรรม - ชลบุรี</t>
  </si>
  <si>
    <t>7x15 นิ้ว</t>
  </si>
  <si>
    <t>หาบไม้ไผ่ บ้านทรงธรรม - ชลบุรี</t>
  </si>
  <si>
    <t>7x17 นิ้ว</t>
  </si>
  <si>
    <t>ลูกแอปเปิ้ลไม้ไผ่ บ้านทรงธรรม - ชลบุรี</t>
  </si>
  <si>
    <t>ตุ๊กตาควาย AMPAN - เชียงใหม่</t>
  </si>
  <si>
    <t>ผ้าฝ้ายทอมือพื้นเมือง ตัดเย็บด้วยมือ</t>
  </si>
  <si>
    <t xml:space="preserve">  1 - 2 เดือน</t>
  </si>
  <si>
    <t>ร้านผ้าฝ้ายอำพัน</t>
  </si>
  <si>
    <t>ตุ๊กตาช้าง AMPAN - เชียงใหม่</t>
  </si>
  <si>
    <t>6 นิ้ว</t>
  </si>
  <si>
    <t>ตุ๊กตาหมี AMPAN - เชียงใหม่</t>
  </si>
  <si>
    <t>11 นิ้ว</t>
  </si>
  <si>
    <t>พวงกุญแจตุ๊กตากระต่าย AMPAN - เชียงใหม่</t>
  </si>
  <si>
    <t>9 นิ้ว</t>
  </si>
  <si>
    <t>ตุ๊กตากระต่าย AMPAN - เชียงใหม่</t>
  </si>
  <si>
    <t>กล่องทิชชูเล็กย้อมสีธรรมชาติ ชุมชนดีมีรอยยิ้มแหลมสิงห์ - จัน</t>
  </si>
  <si>
    <t>ทำจากเสื่อกก บุด้วยผ้า</t>
  </si>
  <si>
    <t>5x5.5x4 นิ้ว</t>
  </si>
  <si>
    <t>กล่องทิชชูใหญ่ ย้อมสีธรรมชาติ - จันทบุรี</t>
  </si>
  <si>
    <t>5x10x4 นิ้ว</t>
  </si>
  <si>
    <t xml:space="preserve">   1 - 2 เดือน </t>
  </si>
  <si>
    <t>กล่องทิชชูใหญ่ ย้อมสีเคมี - จันทบุรี</t>
  </si>
  <si>
    <t>พวงกุญแจหมี ทรัพย์ปัญญา- หนองบัวลำภู</t>
  </si>
  <si>
    <t>สำหรับใส่กุญแจ สายสามารถรูดเก็บกุญแจได้ ตัดเย็บปราณีต น้ำหนักเบา</t>
  </si>
  <si>
    <t>4x4 นิ้ว</t>
  </si>
  <si>
    <t>5 วัน</t>
  </si>
  <si>
    <t>1 อาทิตย์</t>
  </si>
  <si>
    <t>ไปรษณีย์ , ขนส่งเอกชน</t>
  </si>
  <si>
    <t xml:space="preserve">กลุ่มแปรรูปผลิตภัณฑ์หัตถกรรมชุมชนทรัพย์ปัญญา </t>
  </si>
  <si>
    <t>พวงกุญแจดอกบัว ทรัพย์ปัญญา - หนองบัวลำภู</t>
  </si>
  <si>
    <t>4x6 นิ้ว</t>
  </si>
  <si>
    <t>Barahom Barzaar</t>
  </si>
  <si>
    <t>กระเป๋ากลม ผ้าลินินปักดอกไม้ ชุมชนดีมีรอยยิ้ม - ปัตตานี</t>
  </si>
  <si>
    <t>กระเป๋าปักดอกลินินทำจากผ้าฝ้ายและมาปักดอกด้วยเครื่องจักรโบราณที่คนในชุมชนส่วนใหญ่จะถนัดกับการปักดอกต่างๆบนชุดละหมาด และทางกลุ่มได้ต่อยอดจากชุดละหมาดมาเป็นกระเป๋าใส่ลูกเหรียญเพื่อเพิ่มกลุ่มลูกค้า</t>
  </si>
  <si>
    <t xml:space="preserve">  กว้าง 9 ซ.ม x ยาว 9 ซ.ม</t>
  </si>
  <si>
    <t>แล้วแต่การใช้งานของแต่ละบุคคล</t>
  </si>
  <si>
    <t>3 อาทิตย์</t>
  </si>
  <si>
    <t>กระเป๋าผ้าปาเต๊ะใส่โทรศัพท์ ชุมชนดีมีรอยยิ้ม - ปัตตานี</t>
  </si>
  <si>
    <t>กระเป๋าผ้าปาเต๊ะใส่โทรศัพท์ทำจากผ้าปาเต๊ะพิมพ์ด้วยบล็อคไม้ ซึ่งเป็นผลิตภัณฑ์ที่ต่อยอดของกลุ่มจากเดิมทางกลุ่มทำกระเป๋าใส่โทรศัพท์จากผ้ามัดย้อมครามและมาต่อยอดเป็นผ้าปาเต๊ะซึ่งเป็นผ้าพื้นถิ่นในพื้นที่สามจังหวัดชายแดนภาคใต้</t>
  </si>
  <si>
    <t xml:space="preserve">  กว้าง 8.5 ซ.ม x ยาว 18 ซ.ม</t>
  </si>
  <si>
    <t>ผ้าคลุมไหล่ ชุมชนดีมีรอยยิ้ม - ปัตตานี</t>
  </si>
  <si>
    <t>ผ้าคลุมไหล่ทำจากผ้าชีฟองอัดพลีสซึ่งจะเป็นผ้าที่ใส่สบายและทางกลุ่มได้ซื้อผ้าสำเร็จรูปและมาเพิ่มในส่วนการปักดอกบนผ้า</t>
  </si>
  <si>
    <t xml:space="preserve">  กว้าง 87 ซ.ม x ยาว 180 ซ.ม</t>
  </si>
  <si>
    <t>กระเป๋าสะพายกลาง ดลมณี - ราชบุรี</t>
  </si>
  <si>
    <t>กระเป๋าผ้าผลิตจากเส้นใยผักตบชวา สายสีน้ำตาลหนังแท้ ด้านในเป็นผ้าหนังกลับ</t>
  </si>
  <si>
    <t>กว้าง 16 x ยาว 24 x สูง 22 cm</t>
  </si>
  <si>
    <t>น้ำมันดอกไม้ ดลมณี - ราชบุรี</t>
  </si>
  <si>
    <t>น้ำมันหอมจากกลิ่นดอกไม้โดยแช่นำมันใส่ขวดโหลแล้วใช้ใบตองสดห่อขวดโหลนำไปบ่มโดยวิธีการตากแดดทั้งวัน จนครบ 7 วันแล้ผสมสูตรน้ำมันสมุนไพรให้เป็นสูตรฌฉพาะอีก 7 วันจะได้น้ำมันดอกไม้ที่มีกิ่นหอมมาก ช่วยบำรุงผิวให้กลิ่นภายหอม ผิวนุ่มชุ่มชื้น ปัจจุบันมี 4 กลิ่น ดังนี้ กุหลาบหรรษา กระดังงาชมจันทร์ ชวนฝันลาเวนเดอร์ เพื่อนเกลอซีตรัส เลขที่จดแจ้ง 12-1-6200039112</t>
  </si>
  <si>
    <t>ปริมาณ 8 CC</t>
  </si>
  <si>
    <t>1-2 อาทิตย์</t>
  </si>
  <si>
    <t>ผ้าปิดจมูกCotton100% 2 ชั้นมีช่องใส่แผ่นกรอง ดลมณี - ราชบุรี</t>
  </si>
  <si>
    <t>ผ้า Cotton 100% เย็บ 2 ชั้น ด้านในเป็นผ้าสาลู 
มีช่องใส่แผ่นกรองให้ด้านใน</t>
  </si>
  <si>
    <t>13x22 cm</t>
  </si>
  <si>
    <t>กระเป๋าถักปอ บ้านแถวนา - จันทบุรี</t>
  </si>
  <si>
    <t>ผลิตจากเส้นปอ สานด้วยมือทั้งใบ</t>
  </si>
  <si>
    <t>กว้าง 10 นิ้ว X ยาว 14 นิ้ว X สูงถึงสาย 23 นิ้ว</t>
  </si>
  <si>
    <t>3 - 5 เดือน</t>
  </si>
  <si>
    <t>ไปรษณีย์ ,  ขนส่งเอกชน</t>
  </si>
  <si>
    <t>เสื่อเย็บริม 90x190 ซม. บ้านแถวนา - จันทบุรี</t>
  </si>
  <si>
    <t xml:space="preserve">ผลิตจากต้นกก ทอด้วยมือ </t>
  </si>
  <si>
    <t>กว้าง 90 cm ยาว 190 cm</t>
  </si>
  <si>
    <t>ถุงผ้ามัดย้อม Colourful by Meena - สมุทรปราการ</t>
  </si>
  <si>
    <t>กระเป๋าผ้ามัดย้อม กระเป๋ามีก้น งานแฮนเมด สีสวย ใช้งานสะดวก ทนทาน</t>
  </si>
  <si>
    <t>15x15 นิ้ว</t>
  </si>
  <si>
    <t>ผ้าคลุมไหล่ ชุมชนดีมีรอยยิ้มยี่งอ - นราธิวาส</t>
  </si>
  <si>
    <t>ผ้าทอมือ ปักลาย</t>
  </si>
  <si>
    <t>66x166 cm</t>
  </si>
  <si>
    <t>4 - 5 เดือน</t>
  </si>
  <si>
    <t>ชุมชนดีมีรอยยิ้มยี่งอ จังหวัดนราธิวาส</t>
  </si>
  <si>
    <t>ผ้าพันคอ ชุมชนดีมีรอยยิ้มยี่งอ - นราธิวาส</t>
  </si>
  <si>
    <t>50x138 cm</t>
  </si>
  <si>
    <t>ผ้าพันคอผ้าขาวม้า ชุมชนดีมีรอยยิ้มแม่แจ่ม - เชียงใหม่</t>
  </si>
  <si>
    <t xml:space="preserve">ผ้าฝ้ายทอมือ </t>
  </si>
  <si>
    <t>34.5x152 cm</t>
  </si>
  <si>
    <t>ชุมชนดีมีรอยยิ้มแม่แจ่ม จังหวัดเชียงใหม่</t>
  </si>
  <si>
    <t>ผ้าถุงแม่แจ่ม ชุมชนดีมีรอยยิ้มแม่แจ่ม - เชียงใหม่</t>
  </si>
  <si>
    <t>ผ้าฝ้ายทอมือ แบบพื้นแม่แจ่ม</t>
  </si>
  <si>
    <t>37x38.50 นิ้ว</t>
  </si>
  <si>
    <t>ปลอกหมอนเผ่าลั๊วะ ชุมชนดีมีรอยยิ้มแม่แจ่ม - เชียงใหม่</t>
  </si>
  <si>
    <t>ผ้าฝ้ายทอมือ สีธรรมชาติ ลายชนเผ่าลั๊วะ</t>
  </si>
  <si>
    <t>24x14 นิ้ว</t>
  </si>
  <si>
    <t>45 วัน</t>
  </si>
  <si>
    <t>เสื้อย้อมสีธรรมชาติทอมือ ชุมชนดีมีรอยยิ้มแม่แจ่ม - เชียงใหม่</t>
  </si>
  <si>
    <t>ผ้าฝ้ายทอมือ สีธรรมชาติ แบบพื้นเมืองชาวเหนือ</t>
  </si>
  <si>
    <t>26x21 นิ้ว</t>
  </si>
  <si>
    <t>2 เดือน</t>
  </si>
  <si>
    <t>Natrada cotton</t>
  </si>
  <si>
    <t>เสื้อคลุมพิมพ์ลาย บ้านห้วยทราย - เชียงใหม่</t>
  </si>
  <si>
    <t>ผ้าฝ้ายทอมือสีธรรมชาติ พิมพ์</t>
  </si>
  <si>
    <t>รอบอก 46 นิ้ว แขนยาว 18 นิ้ว วงแขน 18 นิ้ว ยาว 31 นิ้ว</t>
  </si>
  <si>
    <t>3 เดือน</t>
  </si>
  <si>
    <t>เสื้อชายอัดกาว บ้านห้วยทราย - เชียงใหม่</t>
  </si>
  <si>
    <t>ผ้าฝ้ายทอมือเนื้อแน่นอักกาว ตกแต่งลาย</t>
  </si>
  <si>
    <t>รอบอก 40 นิ้ว แขนยาว 20 นิ้ว ยาว 29 นิ้ว</t>
  </si>
  <si>
    <t>เสื้อชายไม่อัดกาว บ้านห้วยทราย - เชียงใหม่</t>
  </si>
  <si>
    <t>ผ้าฝ้ายทอมือ สีธรรมชาติ ปักมือ</t>
  </si>
  <si>
    <t xml:space="preserve">Size M รอบอก 40 นิ้ว วงแขน 18 นิ้ว ยาว 28.5 นิ้ว 
Size L รอบอก 44 นิ้ว วงแขน 18 นิ้ว ยาว 28 นิ้ว </t>
  </si>
  <si>
    <t>กางเกงหญิงสั้น บ้านห้วยทราย - เชียงใหม่</t>
  </si>
  <si>
    <t>ผ้าฝ้ายทอมือสีเคมีปลอดภัย</t>
  </si>
  <si>
    <t>เอว 28 นิ้ว ยืดถึง 30 นิ้ว ยาว 21.5 นิ้ว</t>
  </si>
  <si>
    <t>กางเกงชายสั้น บ้านห้วยทราย - เชียงใหม่</t>
  </si>
  <si>
    <t>เอว 30 นิ้ว ยืดถึง 36 นิ้ว ยาว 23 นิ้ว</t>
  </si>
  <si>
    <t>ชุดผ้าขาวม้า บ้านห้วยทราย - เชียงใหม่</t>
  </si>
  <si>
    <t xml:space="preserve">Size M สีแดง - น้ำเงิน รอบอก 38 นิ้ว แขน 18 นิ้ว ยาว 35 นิ้ว 
Size L รอบอก 42 นิ้ว แขน 20 นิ้ว ยาว 34.5 นิ้ว </t>
  </si>
  <si>
    <t>เสื้อหญิง (ชมพู) บ้านห้วยทราย - เชียงใหม่</t>
  </si>
  <si>
    <t>รอบอก 40 นิ้ว วงแขน 14 นิ้ว ยาว 19 นิ้ว</t>
  </si>
  <si>
    <t>กระเป๋า บ้านห้วยทราย - เชียงใหม่</t>
  </si>
  <si>
    <t>ผ้าฝ้ายทอมือ ตกแต่งผ้าขาวม้าสีธรรมชาติ</t>
  </si>
  <si>
    <t>สีน้ำตาลฟ้า ยาว 19 นิ้ว สูงถึงสาย 31 นิ้ว กว้าง 2.5 นิ้ว 
สีฟ้าเขียว  ยาว 19 นิ้ว สูงถึงสาย 31 นิ้ว กว้าง 2.5 นิ้ว 
สีขาว (ลายปัก) กว้าง 4 นิ้ว ยาว 16 นิ้ว สูงถึงสาย 26.5 นิ้ว</t>
  </si>
  <si>
    <t>2 เดือนครึ่ง</t>
  </si>
  <si>
    <t>กางเกงแบรฮัก บ้านดินทรายอ่อน - หนองบัวลำภู</t>
  </si>
  <si>
    <t>ผ้าฝ้ายทอมือ 4 ตะกอ มีลายราชวัตร / ลายลูกแก้ว /ลายก้างปลา</t>
  </si>
  <si>
    <t>Size M ก่อนยืด 36 ยืดได้ถึง 40 ความยาว 29</t>
  </si>
  <si>
    <t>กลุ่มแปรรูปผลิตภัณฑ์พื้นเมืองบ้านดินทรายอ่อน</t>
  </si>
  <si>
    <t>กระโปรงไม่บานปลายคละสี-ลาย บ้านดินทรายอ่อน- หนองบัวลำภู</t>
  </si>
  <si>
    <t>ผ้าฝ้ายทอมือ 4 ตะกอ มีลายราชวัตร / ลายลูกแก้ว /ลายก้างปลา จับกลุ่มวัยรุ่นใส่สบาย</t>
  </si>
  <si>
    <t xml:space="preserve"> ก่อนยืด 30 ยืดได้ถึง 36 ความยาว 35</t>
  </si>
  <si>
    <t>เสื้อแขนกุด Size SS รอบอก 38" - บ้านดินทรายอ่อน - หนองบัวลำภ</t>
  </si>
  <si>
    <t>ผ้าฝ้ายทอมือ 4 ตะกอ สีเคมีปลอดภัย (สามารถสั่งสีธรรมชาติได้)</t>
  </si>
  <si>
    <t>รอบอก 38 นิ้ว ยาว 22.5 นิ้ว</t>
  </si>
  <si>
    <t>เสื้อแขนกุด Size S รอบอก 40" - บ้านดินทรายอ่อน - หนองบัวลำภู</t>
  </si>
  <si>
    <t>รอบอก 40 นิ้ว ยาว 22.5 นิ้ว</t>
  </si>
  <si>
    <t>เสื้อแขนกุด Size M รอบอก 42" - บ้านดินทรายอ่อน - หนองบัวลำภู</t>
  </si>
  <si>
    <t>รอบอก 42 นิ้ว ยาว 22.5 นิ้ว</t>
  </si>
  <si>
    <t>ผ้าถุงต่อหัวแล้วพร้อมใส่ บ้านดินทรายอ่อน - หนองบัวลำภู</t>
  </si>
  <si>
    <t>35x44 นิ้ว</t>
  </si>
  <si>
    <t>พรมแตงโม 0.65 x 0.36m - สุรินทร์</t>
  </si>
  <si>
    <t>พรมเช็ดเท้าทำมือ ผลิตจากเศษผ้ารีไซเคิ้ล ซับน้ำได้ดี</t>
  </si>
  <si>
    <t>0.65 x 0.36 m</t>
  </si>
  <si>
    <t>10 วัน</t>
  </si>
  <si>
    <t>วิสาหกิจชุมชน พรมเช็ดเท้า จังหวัด สุรินทร์</t>
  </si>
  <si>
    <t>พรมสี่เหลี่ยมจตุรัส ขนาด 2x2 m - สุรินทร์</t>
  </si>
  <si>
    <t>2 x 2 m</t>
  </si>
  <si>
    <t>90 วัน</t>
  </si>
  <si>
    <t>พรมเย็บสี่เหลี่ยมผืนผ้า (เล็ก) 0.8 x 1.6m - สุรินทร์</t>
  </si>
  <si>
    <t>0.8 x 1.6 m</t>
  </si>
  <si>
    <t>2 ผืน / วัน</t>
  </si>
  <si>
    <t>พรมเย็บสี่เหลี่ยมผืนผ้า (ใหญ่) 2 x 1m - สุรินทร์</t>
  </si>
  <si>
    <t>2 x 1 m</t>
  </si>
  <si>
    <t>1 ผืน / วัน</t>
  </si>
  <si>
    <t>พรมเย็บสี่เหลี่ยม (เล็ก) 0.4 x 1m - สุรินทร์</t>
  </si>
  <si>
    <t>0.4 x 1m</t>
  </si>
  <si>
    <t>5 ผืน / วัน</t>
  </si>
  <si>
    <t>พรมถักมือ วงกลม 1 x 1m - สุรินทร์</t>
  </si>
  <si>
    <t>สินค้าทำมือ ผลิตจากเศษผ้ารีไซเคิ้ล แตกแต่งด้วยสายหนัง PU</t>
  </si>
  <si>
    <t>1 x 1m</t>
  </si>
  <si>
    <t>กระเป๋าพรมทอ - สุรินทร์</t>
  </si>
  <si>
    <t>สีน้ำตาล ฐานกว้าง 6 นิ้ว สูง 9 นิ้ว ยาว 16 นิ้ว
สีขาว-แดง-น้ำเงิน ฐานกว้าง 4 นิ้ว สูงถึงสาย 20 นิ้ว ยาว 13.5 นิ้ว</t>
  </si>
  <si>
    <t>5 ใบ / วัน</t>
  </si>
  <si>
    <t>กระเป๋าเศษพรม - สุรินทร์</t>
  </si>
  <si>
    <t>ฐานกว้าง 5.5 นิ้ว สูงถึงสาย 4.5 นิ้ว ยาว 10 นิ้ว</t>
  </si>
  <si>
    <t>10 ใบ / วัน</t>
  </si>
  <si>
    <t>กระเป๋าแตงโม - สุรินทร์</t>
  </si>
  <si>
    <t>กลุ่มส่งเสริมอาชีพจักสารไม้ไผ่บ้านทรงธรร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>
    <font>
      <sz val="10"/>
      <color indexed="8"/>
      <name val="Helvetica Neue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2"/>
      <color theme="1" tint="0.34998626667073579"/>
      <name val="Helvetica Neue"/>
      <scheme val="minor"/>
    </font>
    <font>
      <sz val="12"/>
      <color theme="1" tint="0.34998626667073579"/>
      <name val="Helvetica Neue"/>
      <scheme val="major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name val="Berlin Sans FB"/>
      <family val="2"/>
    </font>
    <font>
      <sz val="12"/>
      <color theme="1"/>
      <name val="Helvetica Neue"/>
      <family val="2"/>
      <scheme val="major"/>
    </font>
    <font>
      <sz val="12"/>
      <name val="Calibri"/>
      <family val="2"/>
    </font>
    <font>
      <sz val="12"/>
      <color theme="1" tint="0.34998626667073579"/>
      <name val="Helvetica Neue"/>
      <family val="2"/>
      <scheme val="major"/>
    </font>
  </fonts>
  <fills count="9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4" tint="0.59999389629810485"/>
        <bgColor indexed="64"/>
      </patternFill>
    </fill>
  </fills>
  <borders count="18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  <border>
      <left/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93">
    <xf numFmtId="0" fontId="0" fillId="0" borderId="0" xfId="0" applyFont="1" applyAlignment="1">
      <alignment vertical="top" wrapText="1"/>
    </xf>
    <xf numFmtId="0" fontId="1" fillId="7" borderId="0" xfId="0" applyFont="1" applyFill="1">
      <alignment vertical="top" wrapText="1"/>
    </xf>
    <xf numFmtId="0" fontId="2" fillId="7" borderId="9" xfId="0" applyNumberFormat="1" applyFont="1" applyFill="1" applyBorder="1" applyAlignment="1">
      <alignment vertical="center"/>
    </xf>
    <xf numFmtId="0" fontId="1" fillId="7" borderId="7" xfId="0" applyFont="1" applyFill="1" applyBorder="1">
      <alignment vertical="top" wrapText="1"/>
    </xf>
    <xf numFmtId="0" fontId="3" fillId="7" borderId="0" xfId="0" applyNumberFormat="1" applyFont="1" applyFill="1">
      <alignment vertical="top" wrapText="1"/>
    </xf>
    <xf numFmtId="49" fontId="3" fillId="7" borderId="5" xfId="0" applyNumberFormat="1" applyFont="1" applyFill="1" applyBorder="1">
      <alignment vertical="top" wrapText="1"/>
    </xf>
    <xf numFmtId="0" fontId="2" fillId="7" borderId="11" xfId="0" applyNumberFormat="1" applyFont="1" applyFill="1" applyBorder="1" applyAlignment="1">
      <alignment vertical="center"/>
    </xf>
    <xf numFmtId="0" fontId="2" fillId="7" borderId="12" xfId="0" applyNumberFormat="1" applyFont="1" applyFill="1" applyBorder="1" applyAlignment="1">
      <alignment vertical="center"/>
    </xf>
    <xf numFmtId="0" fontId="2" fillId="7" borderId="9" xfId="0" applyNumberFormat="1" applyFont="1" applyFill="1" applyBorder="1" applyAlignment="1">
      <alignment vertical="center" wrapText="1"/>
    </xf>
    <xf numFmtId="0" fontId="4" fillId="7" borderId="0" xfId="0" applyFont="1" applyFill="1">
      <alignment vertical="top" wrapText="1"/>
    </xf>
    <xf numFmtId="0" fontId="5" fillId="7" borderId="0" xfId="0" applyFont="1" applyFill="1">
      <alignment vertical="top" wrapText="1"/>
    </xf>
    <xf numFmtId="0" fontId="6" fillId="7" borderId="9" xfId="0" applyNumberFormat="1" applyFont="1" applyFill="1" applyBorder="1" applyAlignment="1">
      <alignment vertical="center"/>
    </xf>
    <xf numFmtId="0" fontId="6" fillId="7" borderId="9" xfId="0" applyNumberFormat="1" applyFont="1" applyFill="1" applyBorder="1" applyAlignment="1">
      <alignment vertical="center" wrapText="1"/>
    </xf>
    <xf numFmtId="0" fontId="2" fillId="7" borderId="13" xfId="0" applyNumberFormat="1" applyFont="1" applyFill="1" applyBorder="1" applyAlignment="1">
      <alignment vertical="center"/>
    </xf>
    <xf numFmtId="0" fontId="2" fillId="7" borderId="14" xfId="0" applyNumberFormat="1" applyFont="1" applyFill="1" applyBorder="1" applyAlignment="1">
      <alignment vertical="center"/>
    </xf>
    <xf numFmtId="0" fontId="4" fillId="8" borderId="0" xfId="0" applyFont="1" applyFill="1">
      <alignment vertical="top" wrapText="1"/>
    </xf>
    <xf numFmtId="0" fontId="2" fillId="8" borderId="9" xfId="0" applyNumberFormat="1" applyFont="1" applyFill="1" applyBorder="1" applyAlignment="1">
      <alignment vertical="center"/>
    </xf>
    <xf numFmtId="0" fontId="1" fillId="8" borderId="7" xfId="0" applyFont="1" applyFill="1" applyBorder="1">
      <alignment vertical="top" wrapText="1"/>
    </xf>
    <xf numFmtId="0" fontId="3" fillId="8" borderId="0" xfId="0" applyNumberFormat="1" applyFont="1" applyFill="1">
      <alignment vertical="top" wrapText="1"/>
    </xf>
    <xf numFmtId="0" fontId="2" fillId="8" borderId="9" xfId="0" applyNumberFormat="1" applyFont="1" applyFill="1" applyBorder="1" applyAlignment="1">
      <alignment vertical="center" wrapText="1"/>
    </xf>
    <xf numFmtId="49" fontId="3" fillId="8" borderId="5" xfId="0" applyNumberFormat="1" applyFont="1" applyFill="1" applyBorder="1">
      <alignment vertical="top" wrapText="1"/>
    </xf>
    <xf numFmtId="0" fontId="1" fillId="8" borderId="0" xfId="0" applyFont="1" applyFill="1">
      <alignment vertical="top" wrapText="1"/>
    </xf>
    <xf numFmtId="0" fontId="2" fillId="8" borderId="9" xfId="0" applyNumberFormat="1" applyFont="1" applyFill="1" applyBorder="1" applyAlignment="1"/>
    <xf numFmtId="0" fontId="2" fillId="8" borderId="11" xfId="0" applyNumberFormat="1" applyFont="1" applyFill="1" applyBorder="1" applyAlignment="1">
      <alignment vertical="center"/>
    </xf>
    <xf numFmtId="0" fontId="2" fillId="8" borderId="15" xfId="0" applyNumberFormat="1" applyFont="1" applyFill="1" applyBorder="1" applyAlignment="1">
      <alignment vertical="center" wrapText="1"/>
    </xf>
    <xf numFmtId="0" fontId="2" fillId="8" borderId="16" xfId="0" applyNumberFormat="1" applyFont="1" applyFill="1" applyBorder="1">
      <alignment vertical="top" wrapText="1"/>
    </xf>
    <xf numFmtId="0" fontId="2" fillId="8" borderId="12" xfId="0" applyNumberFormat="1" applyFont="1" applyFill="1" applyBorder="1" applyAlignment="1">
      <alignment vertical="center"/>
    </xf>
    <xf numFmtId="0" fontId="2" fillId="8" borderId="0" xfId="0" applyNumberFormat="1" applyFont="1" applyFill="1">
      <alignment vertical="top" wrapText="1"/>
    </xf>
    <xf numFmtId="0" fontId="4" fillId="8" borderId="0" xfId="0" applyFont="1" applyFill="1" applyProtection="1">
      <alignment vertical="top" wrapText="1"/>
    </xf>
    <xf numFmtId="0" fontId="7" fillId="8" borderId="0" xfId="0" applyFont="1" applyFill="1" applyProtection="1">
      <alignment vertical="top" wrapText="1"/>
    </xf>
    <xf numFmtId="0" fontId="8" fillId="8" borderId="9" xfId="0" applyNumberFormat="1" applyFont="1" applyFill="1" applyBorder="1" applyAlignment="1">
      <alignment vertical="center"/>
    </xf>
    <xf numFmtId="0" fontId="8" fillId="8" borderId="9" xfId="0" applyNumberFormat="1" applyFont="1" applyFill="1" applyBorder="1" applyAlignment="1">
      <alignment vertical="center" wrapText="1"/>
    </xf>
    <xf numFmtId="49" fontId="3" fillId="2" borderId="1" xfId="0" applyNumberFormat="1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  <xf numFmtId="0" fontId="3" fillId="0" borderId="0" xfId="0" applyNumberFormat="1" applyFont="1" applyAlignment="1">
      <alignment vertical="top" wrapText="1"/>
    </xf>
    <xf numFmtId="49" fontId="9" fillId="3" borderId="4" xfId="0" applyNumberFormat="1" applyFont="1" applyFill="1" applyBorder="1" applyAlignment="1">
      <alignment horizontal="center" vertical="top" wrapText="1"/>
    </xf>
    <xf numFmtId="0" fontId="9" fillId="3" borderId="4" xfId="0" applyFont="1" applyFill="1" applyBorder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1" fillId="4" borderId="0" xfId="0" applyFont="1" applyFill="1">
      <alignment vertical="top" wrapText="1"/>
    </xf>
    <xf numFmtId="0" fontId="2" fillId="4" borderId="6" xfId="0" applyNumberFormat="1" applyFont="1" applyFill="1" applyBorder="1" applyAlignment="1">
      <alignment vertical="center"/>
    </xf>
    <xf numFmtId="0" fontId="1" fillId="4" borderId="7" xfId="0" applyFont="1" applyFill="1" applyBorder="1">
      <alignment vertical="top" wrapText="1"/>
    </xf>
    <xf numFmtId="49" fontId="3" fillId="4" borderId="5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/>
    </xf>
    <xf numFmtId="0" fontId="10" fillId="4" borderId="8" xfId="0" applyNumberFormat="1" applyFont="1" applyFill="1" applyBorder="1" applyAlignment="1">
      <alignment vertical="center"/>
    </xf>
    <xf numFmtId="0" fontId="10" fillId="4" borderId="9" xfId="0" applyNumberFormat="1" applyFont="1" applyFill="1" applyBorder="1" applyAlignment="1">
      <alignment vertical="center"/>
    </xf>
    <xf numFmtId="0" fontId="3" fillId="4" borderId="0" xfId="0" applyNumberFormat="1" applyFont="1" applyFill="1">
      <alignment vertical="top" wrapText="1"/>
    </xf>
    <xf numFmtId="0" fontId="10" fillId="4" borderId="10" xfId="0" applyNumberFormat="1" applyFont="1" applyFill="1" applyBorder="1" applyAlignment="1">
      <alignment vertical="center"/>
    </xf>
    <xf numFmtId="0" fontId="2" fillId="4" borderId="6" xfId="0" applyNumberFormat="1" applyFont="1" applyFill="1" applyBorder="1" applyAlignment="1">
      <alignment vertical="center" wrapText="1"/>
    </xf>
    <xf numFmtId="0" fontId="2" fillId="4" borderId="6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 wrapText="1"/>
    </xf>
    <xf numFmtId="0" fontId="10" fillId="4" borderId="6" xfId="0" quotePrefix="1" applyNumberFormat="1" applyFont="1" applyFill="1" applyBorder="1" applyAlignment="1">
      <alignment vertical="center" wrapText="1"/>
    </xf>
    <xf numFmtId="0" fontId="11" fillId="4" borderId="6" xfId="0" quotePrefix="1" applyNumberFormat="1" applyFont="1" applyFill="1" applyBorder="1" applyAlignment="1">
      <alignment vertical="center"/>
    </xf>
    <xf numFmtId="0" fontId="1" fillId="5" borderId="0" xfId="0" applyFont="1" applyFill="1">
      <alignment vertical="top" wrapText="1"/>
    </xf>
    <xf numFmtId="0" fontId="2" fillId="5" borderId="6" xfId="0" applyNumberFormat="1" applyFont="1" applyFill="1" applyBorder="1" applyAlignment="1">
      <alignment vertical="center"/>
    </xf>
    <xf numFmtId="0" fontId="1" fillId="5" borderId="7" xfId="0" applyFont="1" applyFill="1" applyBorder="1">
      <alignment vertical="top" wrapText="1"/>
    </xf>
    <xf numFmtId="49" fontId="3" fillId="5" borderId="5" xfId="0" applyNumberFormat="1" applyFont="1" applyFill="1" applyBorder="1">
      <alignment vertical="top" wrapText="1"/>
    </xf>
    <xf numFmtId="0" fontId="2" fillId="5" borderId="6" xfId="0" applyNumberFormat="1" applyFont="1" applyFill="1" applyBorder="1" applyAlignment="1">
      <alignment vertical="center" wrapText="1"/>
    </xf>
    <xf numFmtId="0" fontId="10" fillId="5" borderId="6" xfId="0" applyNumberFormat="1" applyFont="1" applyFill="1" applyBorder="1" applyAlignment="1">
      <alignment vertical="center"/>
    </xf>
    <xf numFmtId="0" fontId="3" fillId="5" borderId="0" xfId="0" applyNumberFormat="1" applyFont="1" applyFill="1">
      <alignment vertical="top" wrapText="1"/>
    </xf>
    <xf numFmtId="0" fontId="10" fillId="5" borderId="6" xfId="0" applyNumberFormat="1" applyFont="1" applyFill="1" applyBorder="1" applyAlignment="1">
      <alignment vertical="center" wrapText="1"/>
    </xf>
    <xf numFmtId="0" fontId="10" fillId="5" borderId="6" xfId="0" quotePrefix="1" applyNumberFormat="1" applyFont="1" applyFill="1" applyBorder="1" applyAlignment="1">
      <alignment vertical="center" wrapText="1"/>
    </xf>
    <xf numFmtId="0" fontId="1" fillId="6" borderId="0" xfId="0" applyFont="1" applyFill="1">
      <alignment vertical="top" wrapText="1"/>
    </xf>
    <xf numFmtId="0" fontId="2" fillId="6" borderId="6" xfId="0" applyNumberFormat="1" applyFont="1" applyFill="1" applyBorder="1" applyAlignment="1">
      <alignment vertical="center"/>
    </xf>
    <xf numFmtId="0" fontId="1" fillId="6" borderId="7" xfId="0" applyFont="1" applyFill="1" applyBorder="1">
      <alignment vertical="top" wrapText="1"/>
    </xf>
    <xf numFmtId="49" fontId="3" fillId="6" borderId="5" xfId="0" applyNumberFormat="1" applyFont="1" applyFill="1" applyBorder="1">
      <alignment vertical="top" wrapText="1"/>
    </xf>
    <xf numFmtId="0" fontId="10" fillId="6" borderId="6" xfId="0" applyNumberFormat="1" applyFont="1" applyFill="1" applyBorder="1" applyAlignment="1">
      <alignment vertical="center"/>
    </xf>
    <xf numFmtId="0" fontId="3" fillId="6" borderId="0" xfId="0" applyNumberFormat="1" applyFont="1" applyFill="1">
      <alignment vertical="top" wrapText="1"/>
    </xf>
    <xf numFmtId="0" fontId="10" fillId="6" borderId="6" xfId="0" applyNumberFormat="1" applyFont="1" applyFill="1" applyBorder="1" applyAlignment="1">
      <alignment vertical="center" wrapText="1"/>
    </xf>
    <xf numFmtId="0" fontId="2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 wrapText="1"/>
    </xf>
    <xf numFmtId="0" fontId="13" fillId="7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 wrapText="1"/>
    </xf>
    <xf numFmtId="3" fontId="10" fillId="8" borderId="9" xfId="0" applyNumberFormat="1" applyFont="1" applyFill="1" applyBorder="1" applyAlignment="1">
      <alignment vertical="center"/>
    </xf>
    <xf numFmtId="0" fontId="10" fillId="8" borderId="17" xfId="0" applyNumberFormat="1" applyFont="1" applyFill="1" applyBorder="1" applyAlignment="1">
      <alignment vertical="center"/>
    </xf>
    <xf numFmtId="0" fontId="10" fillId="8" borderId="6" xfId="0" applyNumberFormat="1" applyFont="1" applyFill="1" applyBorder="1" applyAlignment="1">
      <alignment vertical="center"/>
    </xf>
    <xf numFmtId="0" fontId="10" fillId="8" borderId="9" xfId="0" quotePrefix="1" applyNumberFormat="1" applyFont="1" applyFill="1" applyBorder="1" applyAlignment="1">
      <alignment vertical="center"/>
    </xf>
    <xf numFmtId="0" fontId="10" fillId="8" borderId="0" xfId="0" applyFont="1" applyFill="1" applyAlignment="1" applyProtection="1">
      <alignment vertical="top"/>
    </xf>
    <xf numFmtId="0" fontId="14" fillId="8" borderId="9" xfId="0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341"/>
  <sheetViews>
    <sheetView showGridLines="0" tabSelected="1" topLeftCell="P128" zoomScale="53" zoomScaleNormal="53" workbookViewId="0">
      <selection activeCell="W134" sqref="W134"/>
    </sheetView>
  </sheetViews>
  <sheetFormatPr defaultColWidth="16.36328125" defaultRowHeight="19.899999999999999" customHeight="1"/>
  <cols>
    <col min="1" max="1" width="11.90625" style="35" bestFit="1" customWidth="1"/>
    <col min="2" max="2" width="33.7265625" style="35" bestFit="1" customWidth="1"/>
    <col min="3" max="3" width="64.54296875" style="35" bestFit="1" customWidth="1"/>
    <col min="4" max="4" width="39.90625" style="35" bestFit="1" customWidth="1"/>
    <col min="5" max="5" width="10" style="35" bestFit="1" customWidth="1"/>
    <col min="6" max="6" width="255.6328125" style="35" bestFit="1" customWidth="1"/>
    <col min="7" max="7" width="68.1796875" style="35" bestFit="1" customWidth="1"/>
    <col min="8" max="8" width="3.54296875" style="35" bestFit="1" customWidth="1"/>
    <col min="9" max="9" width="26.81640625" style="35" bestFit="1" customWidth="1"/>
    <col min="10" max="10" width="32.1796875" style="35" bestFit="1" customWidth="1"/>
    <col min="11" max="11" width="28.08984375" style="35" bestFit="1" customWidth="1"/>
    <col min="12" max="12" width="18.6328125" style="35" bestFit="1" customWidth="1"/>
    <col min="13" max="13" width="19.453125" style="35" bestFit="1" customWidth="1"/>
    <col min="14" max="14" width="16" style="35" bestFit="1" customWidth="1"/>
    <col min="15" max="15" width="43" style="35" bestFit="1" customWidth="1"/>
    <col min="16" max="16" width="15.36328125" style="35" bestFit="1" customWidth="1"/>
    <col min="17" max="18" width="17.08984375" style="35" bestFit="1" customWidth="1"/>
    <col min="19" max="19" width="6.90625" style="35" bestFit="1" customWidth="1"/>
    <col min="20" max="20" width="7.26953125" style="35" bestFit="1" customWidth="1"/>
    <col min="21" max="21" width="6.08984375" style="35" bestFit="1" customWidth="1"/>
    <col min="22" max="22" width="34.54296875" style="35" bestFit="1" customWidth="1"/>
    <col min="23" max="23" width="64.26953125" style="35" bestFit="1" customWidth="1"/>
    <col min="24" max="24" width="16.36328125" style="35" customWidth="1"/>
    <col min="25" max="16384" width="16.36328125" style="35"/>
  </cols>
  <sheetData>
    <row r="1" spans="1:23" ht="30.15" customHeight="1">
      <c r="A1" s="32" t="s">
        <v>0</v>
      </c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  <c r="P1" s="33"/>
      <c r="Q1" s="33"/>
      <c r="R1" s="33"/>
      <c r="S1" s="33"/>
      <c r="T1" s="33"/>
      <c r="U1" s="33"/>
      <c r="V1" s="33"/>
      <c r="W1" s="34"/>
    </row>
    <row r="2" spans="1:23" ht="22.25" customHeight="1">
      <c r="A2" s="36" t="s">
        <v>1</v>
      </c>
      <c r="B2" s="36" t="s">
        <v>2</v>
      </c>
      <c r="C2" s="36" t="s">
        <v>3</v>
      </c>
      <c r="D2" s="36" t="s">
        <v>4</v>
      </c>
      <c r="E2" s="36" t="s">
        <v>5</v>
      </c>
      <c r="F2" s="36" t="s">
        <v>6</v>
      </c>
      <c r="G2" s="36" t="s">
        <v>7</v>
      </c>
      <c r="H2" s="36" t="s">
        <v>8</v>
      </c>
      <c r="I2" s="37"/>
      <c r="J2" s="37"/>
      <c r="K2" s="36" t="s">
        <v>9</v>
      </c>
      <c r="L2" s="37"/>
      <c r="M2" s="37"/>
      <c r="N2" s="36" t="s">
        <v>10</v>
      </c>
      <c r="O2" s="36" t="s">
        <v>11</v>
      </c>
      <c r="P2" s="36" t="s">
        <v>12</v>
      </c>
      <c r="Q2" s="36" t="s">
        <v>13</v>
      </c>
      <c r="R2" s="36" t="s">
        <v>14</v>
      </c>
      <c r="S2" s="36" t="s">
        <v>15</v>
      </c>
      <c r="T2" s="37"/>
      <c r="U2" s="37"/>
      <c r="V2" s="36" t="s">
        <v>16</v>
      </c>
      <c r="W2" s="36" t="s">
        <v>17</v>
      </c>
    </row>
    <row r="3" spans="1:23" ht="22.25" customHeight="1">
      <c r="A3" s="37"/>
      <c r="B3" s="37"/>
      <c r="C3" s="37"/>
      <c r="D3" s="37"/>
      <c r="E3" s="37"/>
      <c r="F3" s="37"/>
      <c r="G3" s="37"/>
      <c r="H3" s="38" t="s">
        <v>18</v>
      </c>
      <c r="I3" s="38" t="s">
        <v>19</v>
      </c>
      <c r="J3" s="38" t="s">
        <v>20</v>
      </c>
      <c r="K3" s="38" t="s">
        <v>21</v>
      </c>
      <c r="L3" s="38" t="s">
        <v>22</v>
      </c>
      <c r="M3" s="38" t="s">
        <v>23</v>
      </c>
      <c r="N3" s="37"/>
      <c r="O3" s="37"/>
      <c r="P3" s="37"/>
      <c r="Q3" s="37"/>
      <c r="R3" s="37"/>
      <c r="S3" s="38" t="s">
        <v>24</v>
      </c>
      <c r="T3" s="38" t="s">
        <v>25</v>
      </c>
      <c r="U3" s="38" t="s">
        <v>26</v>
      </c>
      <c r="V3" s="37"/>
      <c r="W3" s="37"/>
    </row>
    <row r="4" spans="1:23" s="46" customFormat="1" ht="20" customHeight="1">
      <c r="A4" s="39">
        <v>330330004</v>
      </c>
      <c r="B4" s="40"/>
      <c r="C4" s="41" t="s">
        <v>32</v>
      </c>
      <c r="D4" s="42" t="s">
        <v>135</v>
      </c>
      <c r="E4" s="40" t="s">
        <v>27</v>
      </c>
      <c r="F4" s="40" t="s">
        <v>28</v>
      </c>
      <c r="G4" s="40" t="s">
        <v>29</v>
      </c>
      <c r="H4" s="43"/>
      <c r="I4" s="43"/>
      <c r="J4" s="43" t="s">
        <v>129</v>
      </c>
      <c r="K4" s="44" t="s">
        <v>33</v>
      </c>
      <c r="L4" s="44" t="s">
        <v>34</v>
      </c>
      <c r="M4" s="44" t="s">
        <v>35</v>
      </c>
      <c r="N4" s="43" t="s">
        <v>30</v>
      </c>
      <c r="O4" s="43" t="s">
        <v>132</v>
      </c>
      <c r="P4" s="43">
        <v>30</v>
      </c>
      <c r="Q4" s="43">
        <v>60</v>
      </c>
      <c r="R4" s="43" t="s">
        <v>36</v>
      </c>
      <c r="S4" s="43"/>
      <c r="T4" s="43" t="s">
        <v>31</v>
      </c>
      <c r="U4" s="43"/>
      <c r="V4" s="42" t="s">
        <v>37</v>
      </c>
      <c r="W4" s="45" t="s">
        <v>38</v>
      </c>
    </row>
    <row r="5" spans="1:23" s="46" customFormat="1" ht="20" customHeight="1">
      <c r="A5" s="39">
        <v>330330005</v>
      </c>
      <c r="B5" s="40"/>
      <c r="C5" s="41" t="s">
        <v>39</v>
      </c>
      <c r="D5" s="42" t="s">
        <v>135</v>
      </c>
      <c r="E5" s="40" t="s">
        <v>27</v>
      </c>
      <c r="F5" s="40" t="s">
        <v>28</v>
      </c>
      <c r="G5" s="40" t="s">
        <v>40</v>
      </c>
      <c r="H5" s="43"/>
      <c r="I5" s="43"/>
      <c r="J5" s="43" t="s">
        <v>129</v>
      </c>
      <c r="K5" s="45" t="s">
        <v>33</v>
      </c>
      <c r="L5" s="45" t="s">
        <v>34</v>
      </c>
      <c r="M5" s="45" t="s">
        <v>35</v>
      </c>
      <c r="N5" s="47" t="s">
        <v>41</v>
      </c>
      <c r="O5" s="43" t="s">
        <v>132</v>
      </c>
      <c r="P5" s="43">
        <v>60</v>
      </c>
      <c r="Q5" s="43">
        <v>100</v>
      </c>
      <c r="R5" s="43" t="s">
        <v>36</v>
      </c>
      <c r="S5" s="43"/>
      <c r="T5" s="43" t="s">
        <v>31</v>
      </c>
      <c r="U5" s="43"/>
      <c r="V5" s="42" t="s">
        <v>37</v>
      </c>
      <c r="W5" s="44" t="s">
        <v>38</v>
      </c>
    </row>
    <row r="6" spans="1:23" s="46" customFormat="1" ht="20" customHeight="1">
      <c r="A6" s="39">
        <v>335310015</v>
      </c>
      <c r="B6" s="40" t="s">
        <v>42</v>
      </c>
      <c r="C6" s="41" t="s">
        <v>43</v>
      </c>
      <c r="D6" s="42" t="s">
        <v>136</v>
      </c>
      <c r="E6" s="40" t="s">
        <v>44</v>
      </c>
      <c r="F6" s="48" t="s">
        <v>45</v>
      </c>
      <c r="G6" s="40" t="s">
        <v>46</v>
      </c>
      <c r="H6" s="43"/>
      <c r="I6" s="43"/>
      <c r="J6" s="43" t="s">
        <v>47</v>
      </c>
      <c r="K6" s="44" t="s">
        <v>48</v>
      </c>
      <c r="L6" s="44" t="s">
        <v>49</v>
      </c>
      <c r="M6" s="44"/>
      <c r="N6" s="43" t="s">
        <v>50</v>
      </c>
      <c r="O6" s="43" t="s">
        <v>51</v>
      </c>
      <c r="P6" s="43">
        <v>90</v>
      </c>
      <c r="Q6" s="43">
        <v>139</v>
      </c>
      <c r="R6" s="43" t="s">
        <v>36</v>
      </c>
      <c r="S6" s="43"/>
      <c r="T6" s="43" t="s">
        <v>52</v>
      </c>
      <c r="U6" s="43"/>
      <c r="V6" s="42" t="s">
        <v>37</v>
      </c>
      <c r="W6" s="43" t="s">
        <v>53</v>
      </c>
    </row>
    <row r="7" spans="1:23" s="46" customFormat="1" ht="20" customHeight="1">
      <c r="A7" s="39">
        <v>335310022</v>
      </c>
      <c r="B7" s="40" t="s">
        <v>42</v>
      </c>
      <c r="C7" s="41" t="s">
        <v>54</v>
      </c>
      <c r="D7" s="42" t="s">
        <v>136</v>
      </c>
      <c r="E7" s="40" t="s">
        <v>55</v>
      </c>
      <c r="F7" s="48" t="s">
        <v>56</v>
      </c>
      <c r="G7" s="40" t="s">
        <v>57</v>
      </c>
      <c r="H7" s="43"/>
      <c r="I7" s="43"/>
      <c r="J7" s="43" t="s">
        <v>47</v>
      </c>
      <c r="K7" s="43" t="s">
        <v>48</v>
      </c>
      <c r="L7" s="43" t="s">
        <v>49</v>
      </c>
      <c r="M7" s="43"/>
      <c r="N7" s="43" t="s">
        <v>50</v>
      </c>
      <c r="O7" s="43" t="s">
        <v>51</v>
      </c>
      <c r="P7" s="43">
        <v>119</v>
      </c>
      <c r="Q7" s="43">
        <v>159</v>
      </c>
      <c r="R7" s="43" t="s">
        <v>36</v>
      </c>
      <c r="S7" s="43"/>
      <c r="T7" s="43" t="s">
        <v>52</v>
      </c>
      <c r="U7" s="43"/>
      <c r="V7" s="42" t="s">
        <v>37</v>
      </c>
      <c r="W7" s="43" t="s">
        <v>53</v>
      </c>
    </row>
    <row r="8" spans="1:23" s="46" customFormat="1" ht="20" customHeight="1">
      <c r="A8" s="39">
        <v>894340037</v>
      </c>
      <c r="B8" s="40"/>
      <c r="C8" s="41" t="s">
        <v>58</v>
      </c>
      <c r="D8" s="42" t="s">
        <v>137</v>
      </c>
      <c r="E8" s="40" t="s">
        <v>55</v>
      </c>
      <c r="F8" s="48" t="s">
        <v>59</v>
      </c>
      <c r="G8" s="40" t="s">
        <v>60</v>
      </c>
      <c r="H8" s="43"/>
      <c r="I8" s="43"/>
      <c r="J8" s="43" t="s">
        <v>61</v>
      </c>
      <c r="K8" s="43" t="s">
        <v>62</v>
      </c>
      <c r="L8" s="43"/>
      <c r="M8" s="43"/>
      <c r="N8" s="43" t="s">
        <v>63</v>
      </c>
      <c r="O8" s="43" t="s">
        <v>64</v>
      </c>
      <c r="P8" s="43">
        <v>80</v>
      </c>
      <c r="Q8" s="43">
        <v>120</v>
      </c>
      <c r="R8" s="43" t="s">
        <v>36</v>
      </c>
      <c r="S8" s="43"/>
      <c r="T8" s="43" t="s">
        <v>31</v>
      </c>
      <c r="U8" s="43"/>
      <c r="V8" s="42" t="s">
        <v>37</v>
      </c>
      <c r="W8" s="43" t="s">
        <v>65</v>
      </c>
    </row>
    <row r="9" spans="1:23" s="46" customFormat="1" ht="20" customHeight="1">
      <c r="A9" s="39">
        <v>894310044</v>
      </c>
      <c r="B9" s="40" t="s">
        <v>66</v>
      </c>
      <c r="C9" s="41" t="s">
        <v>67</v>
      </c>
      <c r="D9" s="42" t="s">
        <v>136</v>
      </c>
      <c r="E9" s="40" t="s">
        <v>68</v>
      </c>
      <c r="F9" s="49" t="s">
        <v>69</v>
      </c>
      <c r="G9" s="40" t="s">
        <v>128</v>
      </c>
      <c r="H9" s="43"/>
      <c r="I9" s="43" t="s">
        <v>70</v>
      </c>
      <c r="J9" s="43" t="s">
        <v>71</v>
      </c>
      <c r="K9" s="43" t="s">
        <v>72</v>
      </c>
      <c r="L9" s="43" t="s">
        <v>73</v>
      </c>
      <c r="M9" s="43"/>
      <c r="N9" s="50" t="s">
        <v>74</v>
      </c>
      <c r="O9" s="51" t="s">
        <v>133</v>
      </c>
      <c r="P9" s="50" t="s">
        <v>75</v>
      </c>
      <c r="Q9" s="43">
        <v>125</v>
      </c>
      <c r="R9" s="43" t="s">
        <v>36</v>
      </c>
      <c r="S9" s="43"/>
      <c r="T9" s="43" t="s">
        <v>76</v>
      </c>
      <c r="U9" s="52" t="s">
        <v>77</v>
      </c>
      <c r="V9" s="42" t="s">
        <v>37</v>
      </c>
      <c r="W9" s="43" t="s">
        <v>78</v>
      </c>
    </row>
    <row r="10" spans="1:23" s="46" customFormat="1" ht="20" customHeight="1">
      <c r="A10" s="39">
        <v>894310045</v>
      </c>
      <c r="B10" s="40" t="s">
        <v>66</v>
      </c>
      <c r="C10" s="41" t="s">
        <v>79</v>
      </c>
      <c r="D10" s="42" t="s">
        <v>136</v>
      </c>
      <c r="E10" s="40" t="s">
        <v>80</v>
      </c>
      <c r="F10" s="49" t="s">
        <v>69</v>
      </c>
      <c r="G10" s="40" t="s">
        <v>127</v>
      </c>
      <c r="H10" s="43"/>
      <c r="I10" s="43" t="s">
        <v>70</v>
      </c>
      <c r="J10" s="43" t="s">
        <v>71</v>
      </c>
      <c r="K10" s="43" t="s">
        <v>72</v>
      </c>
      <c r="L10" s="43" t="s">
        <v>73</v>
      </c>
      <c r="M10" s="43"/>
      <c r="N10" s="50" t="s">
        <v>74</v>
      </c>
      <c r="O10" s="51" t="s">
        <v>133</v>
      </c>
      <c r="P10" s="43">
        <v>28</v>
      </c>
      <c r="Q10" s="43">
        <v>39</v>
      </c>
      <c r="R10" s="43" t="s">
        <v>36</v>
      </c>
      <c r="S10" s="43"/>
      <c r="T10" s="43" t="s">
        <v>76</v>
      </c>
      <c r="U10" s="52" t="s">
        <v>77</v>
      </c>
      <c r="V10" s="42" t="s">
        <v>37</v>
      </c>
      <c r="W10" s="43" t="s">
        <v>78</v>
      </c>
    </row>
    <row r="11" spans="1:23" s="46" customFormat="1" ht="20" customHeight="1">
      <c r="A11" s="39">
        <v>894310046</v>
      </c>
      <c r="B11" s="40" t="s">
        <v>66</v>
      </c>
      <c r="C11" s="41" t="s">
        <v>81</v>
      </c>
      <c r="D11" s="42" t="s">
        <v>136</v>
      </c>
      <c r="E11" s="40" t="s">
        <v>80</v>
      </c>
      <c r="F11" s="49" t="s">
        <v>69</v>
      </c>
      <c r="G11" s="40" t="s">
        <v>82</v>
      </c>
      <c r="H11" s="43"/>
      <c r="I11" s="43" t="s">
        <v>70</v>
      </c>
      <c r="J11" s="43" t="s">
        <v>71</v>
      </c>
      <c r="K11" s="43" t="s">
        <v>72</v>
      </c>
      <c r="L11" s="43" t="s">
        <v>73</v>
      </c>
      <c r="M11" s="43"/>
      <c r="N11" s="50" t="s">
        <v>83</v>
      </c>
      <c r="O11" s="51" t="s">
        <v>133</v>
      </c>
      <c r="P11" s="43">
        <v>28</v>
      </c>
      <c r="Q11" s="43">
        <v>39</v>
      </c>
      <c r="R11" s="43" t="s">
        <v>36</v>
      </c>
      <c r="S11" s="43"/>
      <c r="T11" s="43" t="s">
        <v>76</v>
      </c>
      <c r="U11" s="52" t="s">
        <v>77</v>
      </c>
      <c r="V11" s="42" t="s">
        <v>37</v>
      </c>
      <c r="W11" s="43" t="s">
        <v>78</v>
      </c>
    </row>
    <row r="12" spans="1:23" s="46" customFormat="1" ht="20" customHeight="1">
      <c r="A12" s="39">
        <v>438330015</v>
      </c>
      <c r="B12" s="40" t="s">
        <v>84</v>
      </c>
      <c r="C12" s="41" t="s">
        <v>85</v>
      </c>
      <c r="D12" s="42" t="s">
        <v>135</v>
      </c>
      <c r="E12" s="40" t="s">
        <v>86</v>
      </c>
      <c r="F12" s="40" t="s">
        <v>87</v>
      </c>
      <c r="G12" s="40" t="s">
        <v>88</v>
      </c>
      <c r="H12" s="43"/>
      <c r="I12" s="43"/>
      <c r="J12" s="43" t="s">
        <v>129</v>
      </c>
      <c r="K12" s="43" t="s">
        <v>72</v>
      </c>
      <c r="L12" s="43" t="s">
        <v>73</v>
      </c>
      <c r="M12" s="43"/>
      <c r="N12" s="43" t="s">
        <v>63</v>
      </c>
      <c r="O12" s="43" t="s">
        <v>134</v>
      </c>
      <c r="P12" s="50" t="s">
        <v>89</v>
      </c>
      <c r="Q12" s="43">
        <v>450</v>
      </c>
      <c r="R12" s="43" t="s">
        <v>90</v>
      </c>
      <c r="S12" s="43"/>
      <c r="T12" s="43" t="s">
        <v>31</v>
      </c>
      <c r="U12" s="52" t="s">
        <v>77</v>
      </c>
      <c r="V12" s="42" t="s">
        <v>37</v>
      </c>
      <c r="W12" s="43" t="s">
        <v>91</v>
      </c>
    </row>
    <row r="13" spans="1:23" s="46" customFormat="1" ht="20" customHeight="1">
      <c r="A13" s="39">
        <v>619140031</v>
      </c>
      <c r="B13" s="40"/>
      <c r="C13" s="41" t="s">
        <v>92</v>
      </c>
      <c r="D13" s="42" t="s">
        <v>137</v>
      </c>
      <c r="E13" s="40" t="s">
        <v>93</v>
      </c>
      <c r="F13" s="48" t="s">
        <v>94</v>
      </c>
      <c r="G13" s="40" t="s">
        <v>95</v>
      </c>
      <c r="H13" s="43"/>
      <c r="I13" s="43"/>
      <c r="J13" s="43" t="s">
        <v>130</v>
      </c>
      <c r="K13" s="43" t="s">
        <v>96</v>
      </c>
      <c r="L13" s="43" t="s">
        <v>97</v>
      </c>
      <c r="M13" s="43" t="s">
        <v>98</v>
      </c>
      <c r="N13" s="43" t="s">
        <v>99</v>
      </c>
      <c r="O13" s="43" t="s">
        <v>100</v>
      </c>
      <c r="P13" s="43">
        <v>180</v>
      </c>
      <c r="Q13" s="43">
        <v>250</v>
      </c>
      <c r="R13" s="43" t="s">
        <v>90</v>
      </c>
      <c r="S13" s="43"/>
      <c r="T13" s="43" t="s">
        <v>31</v>
      </c>
      <c r="U13" s="43"/>
      <c r="V13" s="42" t="s">
        <v>37</v>
      </c>
      <c r="W13" s="43" t="s">
        <v>101</v>
      </c>
    </row>
    <row r="14" spans="1:23" s="46" customFormat="1" ht="20" customHeight="1">
      <c r="A14" s="39">
        <v>619310030</v>
      </c>
      <c r="B14" s="40"/>
      <c r="C14" s="41" t="s">
        <v>102</v>
      </c>
      <c r="D14" s="42" t="s">
        <v>136</v>
      </c>
      <c r="E14" s="40" t="s">
        <v>44</v>
      </c>
      <c r="F14" s="48" t="s">
        <v>103</v>
      </c>
      <c r="G14" s="40" t="s">
        <v>104</v>
      </c>
      <c r="H14" s="43"/>
      <c r="I14" s="43"/>
      <c r="J14" s="43" t="s">
        <v>47</v>
      </c>
      <c r="K14" s="43" t="s">
        <v>131</v>
      </c>
      <c r="L14" s="43"/>
      <c r="M14" s="43"/>
      <c r="N14" s="43" t="s">
        <v>99</v>
      </c>
      <c r="O14" s="43" t="s">
        <v>100</v>
      </c>
      <c r="P14" s="43">
        <v>45</v>
      </c>
      <c r="Q14" s="43">
        <v>60</v>
      </c>
      <c r="R14" s="43" t="s">
        <v>90</v>
      </c>
      <c r="S14" s="43"/>
      <c r="T14" s="43" t="s">
        <v>31</v>
      </c>
      <c r="U14" s="43"/>
      <c r="V14" s="42" t="s">
        <v>37</v>
      </c>
      <c r="W14" s="43" t="s">
        <v>101</v>
      </c>
    </row>
    <row r="15" spans="1:23" s="46" customFormat="1" ht="20" customHeight="1">
      <c r="A15" s="39">
        <v>773310019</v>
      </c>
      <c r="B15" s="40" t="s">
        <v>105</v>
      </c>
      <c r="C15" s="41" t="s">
        <v>106</v>
      </c>
      <c r="D15" s="42" t="s">
        <v>136</v>
      </c>
      <c r="E15" s="40" t="s">
        <v>55</v>
      </c>
      <c r="F15" s="48" t="s">
        <v>107</v>
      </c>
      <c r="G15" s="40" t="s">
        <v>126</v>
      </c>
      <c r="H15" s="43"/>
      <c r="I15" s="43"/>
      <c r="J15" s="43" t="s">
        <v>108</v>
      </c>
      <c r="K15" s="43" t="s">
        <v>109</v>
      </c>
      <c r="L15" s="43"/>
      <c r="M15" s="43"/>
      <c r="N15" s="43" t="s">
        <v>50</v>
      </c>
      <c r="O15" s="43" t="s">
        <v>100</v>
      </c>
      <c r="P15" s="43">
        <v>115</v>
      </c>
      <c r="Q15" s="43">
        <v>165</v>
      </c>
      <c r="R15" s="43" t="s">
        <v>36</v>
      </c>
      <c r="S15" s="43"/>
      <c r="T15" s="43" t="s">
        <v>52</v>
      </c>
      <c r="U15" s="43"/>
      <c r="V15" s="42" t="s">
        <v>37</v>
      </c>
      <c r="W15" s="43" t="s">
        <v>110</v>
      </c>
    </row>
    <row r="16" spans="1:23" s="46" customFormat="1" ht="20" customHeight="1">
      <c r="A16" s="39">
        <v>773310012</v>
      </c>
      <c r="B16" s="40" t="s">
        <v>105</v>
      </c>
      <c r="C16" s="41" t="s">
        <v>111</v>
      </c>
      <c r="D16" s="42" t="s">
        <v>136</v>
      </c>
      <c r="E16" s="40" t="s">
        <v>55</v>
      </c>
      <c r="F16" s="48" t="s">
        <v>112</v>
      </c>
      <c r="G16" s="40" t="s">
        <v>113</v>
      </c>
      <c r="H16" s="43"/>
      <c r="I16" s="43"/>
      <c r="J16" s="43" t="s">
        <v>108</v>
      </c>
      <c r="K16" s="43" t="s">
        <v>109</v>
      </c>
      <c r="L16" s="43"/>
      <c r="M16" s="43"/>
      <c r="N16" s="43" t="s">
        <v>50</v>
      </c>
      <c r="O16" s="43" t="s">
        <v>100</v>
      </c>
      <c r="P16" s="43">
        <v>55</v>
      </c>
      <c r="Q16" s="43">
        <v>60</v>
      </c>
      <c r="R16" s="43" t="s">
        <v>36</v>
      </c>
      <c r="S16" s="43"/>
      <c r="T16" s="43" t="s">
        <v>52</v>
      </c>
      <c r="U16" s="43"/>
      <c r="V16" s="42" t="s">
        <v>37</v>
      </c>
      <c r="W16" s="43" t="s">
        <v>110</v>
      </c>
    </row>
    <row r="17" spans="1:23" s="46" customFormat="1" ht="20" customHeight="1">
      <c r="A17" s="39">
        <v>773310020</v>
      </c>
      <c r="B17" s="40" t="s">
        <v>105</v>
      </c>
      <c r="C17" s="41" t="s">
        <v>114</v>
      </c>
      <c r="D17" s="42" t="s">
        <v>136</v>
      </c>
      <c r="E17" s="40" t="s">
        <v>55</v>
      </c>
      <c r="F17" s="48" t="s">
        <v>112</v>
      </c>
      <c r="G17" s="40" t="s">
        <v>115</v>
      </c>
      <c r="H17" s="43"/>
      <c r="I17" s="43"/>
      <c r="J17" s="43" t="s">
        <v>108</v>
      </c>
      <c r="K17" s="43" t="s">
        <v>109</v>
      </c>
      <c r="L17" s="43"/>
      <c r="M17" s="43"/>
      <c r="N17" s="43" t="s">
        <v>50</v>
      </c>
      <c r="O17" s="43" t="s">
        <v>100</v>
      </c>
      <c r="P17" s="43">
        <v>150</v>
      </c>
      <c r="Q17" s="43">
        <v>205</v>
      </c>
      <c r="R17" s="43" t="s">
        <v>36</v>
      </c>
      <c r="S17" s="43"/>
      <c r="T17" s="43" t="s">
        <v>52</v>
      </c>
      <c r="U17" s="43"/>
      <c r="V17" s="42" t="s">
        <v>37</v>
      </c>
      <c r="W17" s="43" t="s">
        <v>110</v>
      </c>
    </row>
    <row r="18" spans="1:23" s="46" customFormat="1" ht="20" customHeight="1">
      <c r="A18" s="39">
        <v>773310021</v>
      </c>
      <c r="B18" s="40" t="s">
        <v>105</v>
      </c>
      <c r="C18" s="41" t="s">
        <v>116</v>
      </c>
      <c r="D18" s="42" t="s">
        <v>136</v>
      </c>
      <c r="E18" s="40" t="s">
        <v>80</v>
      </c>
      <c r="F18" s="48" t="s">
        <v>117</v>
      </c>
      <c r="G18" s="40" t="s">
        <v>118</v>
      </c>
      <c r="H18" s="43"/>
      <c r="I18" s="43"/>
      <c r="J18" s="43" t="s">
        <v>108</v>
      </c>
      <c r="K18" s="43" t="s">
        <v>109</v>
      </c>
      <c r="L18" s="43"/>
      <c r="M18" s="43"/>
      <c r="N18" s="43" t="s">
        <v>50</v>
      </c>
      <c r="O18" s="43" t="s">
        <v>100</v>
      </c>
      <c r="P18" s="43">
        <v>25</v>
      </c>
      <c r="Q18" s="43">
        <v>45</v>
      </c>
      <c r="R18" s="43" t="s">
        <v>36</v>
      </c>
      <c r="S18" s="43"/>
      <c r="T18" s="43" t="s">
        <v>52</v>
      </c>
      <c r="U18" s="43"/>
      <c r="V18" s="42" t="s">
        <v>37</v>
      </c>
      <c r="W18" s="43" t="s">
        <v>110</v>
      </c>
    </row>
    <row r="19" spans="1:23" s="46" customFormat="1" ht="20" customHeight="1">
      <c r="A19" s="39">
        <v>773310018</v>
      </c>
      <c r="B19" s="40" t="s">
        <v>119</v>
      </c>
      <c r="C19" s="41" t="s">
        <v>120</v>
      </c>
      <c r="D19" s="42" t="s">
        <v>136</v>
      </c>
      <c r="E19" s="40" t="s">
        <v>80</v>
      </c>
      <c r="F19" s="48" t="s">
        <v>121</v>
      </c>
      <c r="G19" s="40" t="s">
        <v>122</v>
      </c>
      <c r="H19" s="43"/>
      <c r="I19" s="43"/>
      <c r="J19" s="43" t="s">
        <v>108</v>
      </c>
      <c r="K19" s="43" t="s">
        <v>72</v>
      </c>
      <c r="L19" s="43"/>
      <c r="M19" s="43"/>
      <c r="N19" s="43" t="s">
        <v>123</v>
      </c>
      <c r="O19" s="43" t="s">
        <v>124</v>
      </c>
      <c r="P19" s="43">
        <v>40</v>
      </c>
      <c r="Q19" s="43">
        <v>55</v>
      </c>
      <c r="R19" s="43" t="s">
        <v>36</v>
      </c>
      <c r="S19" s="43"/>
      <c r="T19" s="43" t="s">
        <v>31</v>
      </c>
      <c r="U19" s="43"/>
      <c r="V19" s="42" t="s">
        <v>37</v>
      </c>
      <c r="W19" s="43" t="s">
        <v>125</v>
      </c>
    </row>
    <row r="20" spans="1:23" s="59" customFormat="1" ht="20" customHeight="1">
      <c r="A20" s="53">
        <v>113310004</v>
      </c>
      <c r="B20" s="54"/>
      <c r="C20" s="55" t="s">
        <v>139</v>
      </c>
      <c r="D20" s="56" t="s">
        <v>136</v>
      </c>
      <c r="E20" s="54" t="s">
        <v>44</v>
      </c>
      <c r="F20" s="57" t="s">
        <v>140</v>
      </c>
      <c r="G20" s="54" t="s">
        <v>104</v>
      </c>
      <c r="H20" s="58"/>
      <c r="I20" s="58"/>
      <c r="J20" s="58" t="s">
        <v>108</v>
      </c>
      <c r="K20" s="58" t="s">
        <v>141</v>
      </c>
      <c r="L20" s="58"/>
      <c r="M20" s="58"/>
      <c r="N20" s="58" t="s">
        <v>142</v>
      </c>
      <c r="O20" s="58" t="s">
        <v>124</v>
      </c>
      <c r="P20" s="58">
        <v>50</v>
      </c>
      <c r="Q20" s="58">
        <v>50</v>
      </c>
      <c r="R20" s="58" t="s">
        <v>36</v>
      </c>
      <c r="S20" s="58"/>
      <c r="T20" s="58" t="s">
        <v>31</v>
      </c>
      <c r="U20" s="58"/>
      <c r="V20" s="56" t="s">
        <v>37</v>
      </c>
      <c r="W20" s="58" t="s">
        <v>143</v>
      </c>
    </row>
    <row r="21" spans="1:23" s="59" customFormat="1" ht="20" customHeight="1">
      <c r="A21" s="53">
        <v>563310009</v>
      </c>
      <c r="B21" s="54" t="s">
        <v>144</v>
      </c>
      <c r="C21" s="55" t="s">
        <v>145</v>
      </c>
      <c r="D21" s="56" t="s">
        <v>136</v>
      </c>
      <c r="E21" s="54" t="s">
        <v>80</v>
      </c>
      <c r="F21" s="57" t="s">
        <v>146</v>
      </c>
      <c r="G21" s="54" t="s">
        <v>147</v>
      </c>
      <c r="H21" s="58"/>
      <c r="I21" s="58"/>
      <c r="J21" s="58" t="s">
        <v>108</v>
      </c>
      <c r="K21" s="58" t="s">
        <v>148</v>
      </c>
      <c r="L21" s="58" t="s">
        <v>97</v>
      </c>
      <c r="M21" s="58"/>
      <c r="N21" s="58" t="s">
        <v>149</v>
      </c>
      <c r="O21" s="58" t="s">
        <v>150</v>
      </c>
      <c r="P21" s="58">
        <v>70</v>
      </c>
      <c r="Q21" s="58">
        <v>100</v>
      </c>
      <c r="R21" s="58" t="s">
        <v>36</v>
      </c>
      <c r="S21" s="58"/>
      <c r="T21" s="58" t="s">
        <v>31</v>
      </c>
      <c r="U21" s="58"/>
      <c r="V21" s="56" t="s">
        <v>37</v>
      </c>
      <c r="W21" s="58" t="s">
        <v>151</v>
      </c>
    </row>
    <row r="22" spans="1:23" s="59" customFormat="1" ht="19.899999999999999" customHeight="1">
      <c r="A22" s="53">
        <v>563320006</v>
      </c>
      <c r="B22" s="54" t="s">
        <v>144</v>
      </c>
      <c r="C22" s="55" t="s">
        <v>152</v>
      </c>
      <c r="D22" s="59" t="s">
        <v>269</v>
      </c>
      <c r="E22" s="54" t="s">
        <v>153</v>
      </c>
      <c r="F22" s="57" t="s">
        <v>154</v>
      </c>
      <c r="G22" s="54" t="s">
        <v>155</v>
      </c>
      <c r="H22" s="58"/>
      <c r="I22" s="58"/>
      <c r="J22" s="58" t="s">
        <v>47</v>
      </c>
      <c r="K22" s="58" t="s">
        <v>148</v>
      </c>
      <c r="L22" s="58"/>
      <c r="M22" s="58"/>
      <c r="N22" s="58" t="s">
        <v>149</v>
      </c>
      <c r="O22" s="58" t="s">
        <v>150</v>
      </c>
      <c r="P22" s="58">
        <v>31.5</v>
      </c>
      <c r="Q22" s="58">
        <v>45</v>
      </c>
      <c r="R22" s="58" t="s">
        <v>36</v>
      </c>
      <c r="S22" s="58"/>
      <c r="T22" s="58" t="s">
        <v>31</v>
      </c>
      <c r="U22" s="58"/>
      <c r="V22" s="56" t="s">
        <v>37</v>
      </c>
      <c r="W22" s="58" t="s">
        <v>151</v>
      </c>
    </row>
    <row r="23" spans="1:23" s="59" customFormat="1" ht="19.899999999999999" customHeight="1">
      <c r="A23" s="53">
        <v>563310007</v>
      </c>
      <c r="B23" s="54"/>
      <c r="C23" s="55" t="s">
        <v>156</v>
      </c>
      <c r="D23" s="56" t="s">
        <v>136</v>
      </c>
      <c r="E23" s="54" t="s">
        <v>157</v>
      </c>
      <c r="F23" s="57" t="s">
        <v>158</v>
      </c>
      <c r="G23" s="54" t="s">
        <v>159</v>
      </c>
      <c r="H23" s="58"/>
      <c r="I23" s="58" t="s">
        <v>160</v>
      </c>
      <c r="J23" s="58"/>
      <c r="K23" s="58" t="s">
        <v>161</v>
      </c>
      <c r="L23" s="58"/>
      <c r="M23" s="58"/>
      <c r="N23" s="58" t="s">
        <v>149</v>
      </c>
      <c r="O23" s="58" t="s">
        <v>150</v>
      </c>
      <c r="P23" s="58">
        <v>70</v>
      </c>
      <c r="Q23" s="58">
        <v>100</v>
      </c>
      <c r="R23" s="58" t="s">
        <v>36</v>
      </c>
      <c r="S23" s="58"/>
      <c r="T23" s="58" t="s">
        <v>31</v>
      </c>
      <c r="U23" s="58"/>
      <c r="V23" s="56" t="s">
        <v>37</v>
      </c>
      <c r="W23" s="58" t="s">
        <v>151</v>
      </c>
    </row>
    <row r="24" spans="1:23" s="59" customFormat="1" ht="19.899999999999999" customHeight="1">
      <c r="A24" s="53">
        <v>563310008</v>
      </c>
      <c r="B24" s="54"/>
      <c r="C24" s="55" t="s">
        <v>162</v>
      </c>
      <c r="D24" s="56" t="s">
        <v>136</v>
      </c>
      <c r="E24" s="54" t="s">
        <v>157</v>
      </c>
      <c r="F24" s="57" t="s">
        <v>163</v>
      </c>
      <c r="G24" s="54" t="s">
        <v>159</v>
      </c>
      <c r="H24" s="58"/>
      <c r="I24" s="58" t="s">
        <v>160</v>
      </c>
      <c r="J24" s="58"/>
      <c r="K24" s="60" t="s">
        <v>161</v>
      </c>
      <c r="L24" s="58"/>
      <c r="M24" s="58"/>
      <c r="N24" s="58" t="s">
        <v>149</v>
      </c>
      <c r="O24" s="58" t="s">
        <v>150</v>
      </c>
      <c r="P24" s="58">
        <v>70</v>
      </c>
      <c r="Q24" s="58">
        <v>100</v>
      </c>
      <c r="R24" s="58" t="s">
        <v>36</v>
      </c>
      <c r="S24" s="58"/>
      <c r="T24" s="58" t="s">
        <v>31</v>
      </c>
      <c r="U24" s="58"/>
      <c r="V24" s="56" t="s">
        <v>37</v>
      </c>
      <c r="W24" s="58" t="s">
        <v>151</v>
      </c>
    </row>
    <row r="25" spans="1:23" s="59" customFormat="1" ht="19.899999999999999" customHeight="1">
      <c r="A25" s="53">
        <v>553310019</v>
      </c>
      <c r="B25" s="54" t="s">
        <v>164</v>
      </c>
      <c r="C25" s="55" t="s">
        <v>165</v>
      </c>
      <c r="D25" s="56" t="s">
        <v>136</v>
      </c>
      <c r="E25" s="54" t="s">
        <v>157</v>
      </c>
      <c r="F25" s="57" t="s">
        <v>166</v>
      </c>
      <c r="G25" s="54" t="s">
        <v>167</v>
      </c>
      <c r="H25" s="58"/>
      <c r="I25" s="58" t="s">
        <v>160</v>
      </c>
      <c r="J25" s="58"/>
      <c r="K25" s="58" t="s">
        <v>168</v>
      </c>
      <c r="L25" s="58"/>
      <c r="M25" s="58"/>
      <c r="N25" s="58" t="s">
        <v>169</v>
      </c>
      <c r="O25" s="58" t="s">
        <v>170</v>
      </c>
      <c r="P25" s="58">
        <v>25</v>
      </c>
      <c r="Q25" s="58">
        <v>35</v>
      </c>
      <c r="R25" s="58" t="s">
        <v>36</v>
      </c>
      <c r="S25" s="58"/>
      <c r="T25" s="58" t="s">
        <v>31</v>
      </c>
      <c r="U25" s="58"/>
      <c r="V25" s="56" t="s">
        <v>37</v>
      </c>
      <c r="W25" s="58" t="s">
        <v>171</v>
      </c>
    </row>
    <row r="26" spans="1:23" s="59" customFormat="1" ht="19.899999999999999" customHeight="1">
      <c r="A26" s="53">
        <v>886310002</v>
      </c>
      <c r="B26" s="54" t="s">
        <v>172</v>
      </c>
      <c r="C26" s="55" t="s">
        <v>173</v>
      </c>
      <c r="D26" s="56" t="s">
        <v>136</v>
      </c>
      <c r="E26" s="54" t="s">
        <v>174</v>
      </c>
      <c r="F26" s="54" t="s">
        <v>175</v>
      </c>
      <c r="G26" s="54" t="s">
        <v>176</v>
      </c>
      <c r="H26" s="58"/>
      <c r="I26" s="58"/>
      <c r="J26" s="58" t="s">
        <v>47</v>
      </c>
      <c r="K26" s="58" t="s">
        <v>72</v>
      </c>
      <c r="L26" s="58"/>
      <c r="M26" s="58"/>
      <c r="N26" s="58" t="s">
        <v>149</v>
      </c>
      <c r="O26" s="58" t="s">
        <v>177</v>
      </c>
      <c r="P26" s="58">
        <v>200</v>
      </c>
      <c r="Q26" s="58">
        <v>300</v>
      </c>
      <c r="R26" s="58" t="s">
        <v>36</v>
      </c>
      <c r="S26" s="58"/>
      <c r="T26" s="58" t="s">
        <v>31</v>
      </c>
      <c r="U26" s="58"/>
      <c r="V26" s="56" t="s">
        <v>37</v>
      </c>
      <c r="W26" s="58" t="s">
        <v>270</v>
      </c>
    </row>
    <row r="27" spans="1:23" s="59" customFormat="1" ht="19.899999999999999" customHeight="1">
      <c r="A27" s="53">
        <v>345320017</v>
      </c>
      <c r="B27" s="54" t="s">
        <v>178</v>
      </c>
      <c r="C27" s="55" t="s">
        <v>179</v>
      </c>
      <c r="D27" s="59" t="s">
        <v>269</v>
      </c>
      <c r="E27" s="54" t="s">
        <v>55</v>
      </c>
      <c r="F27" s="54" t="s">
        <v>180</v>
      </c>
      <c r="G27" s="54" t="s">
        <v>181</v>
      </c>
      <c r="H27" s="58"/>
      <c r="I27" s="58"/>
      <c r="J27" s="58" t="s">
        <v>108</v>
      </c>
      <c r="K27" s="58" t="s">
        <v>182</v>
      </c>
      <c r="L27" s="58"/>
      <c r="M27" s="58"/>
      <c r="N27" s="58" t="s">
        <v>41</v>
      </c>
      <c r="O27" s="58" t="s">
        <v>134</v>
      </c>
      <c r="P27" s="58">
        <v>80</v>
      </c>
      <c r="Q27" s="58">
        <v>120</v>
      </c>
      <c r="R27" s="58" t="s">
        <v>36</v>
      </c>
      <c r="S27" s="58"/>
      <c r="T27" s="58" t="s">
        <v>31</v>
      </c>
      <c r="U27" s="58"/>
      <c r="V27" s="56" t="s">
        <v>37</v>
      </c>
      <c r="W27" s="58" t="s">
        <v>183</v>
      </c>
    </row>
    <row r="28" spans="1:23" s="59" customFormat="1" ht="19.899999999999999" customHeight="1">
      <c r="A28" s="53">
        <v>345330018</v>
      </c>
      <c r="B28" s="54"/>
      <c r="C28" s="55" t="s">
        <v>184</v>
      </c>
      <c r="D28" s="59" t="s">
        <v>135</v>
      </c>
      <c r="E28" s="54" t="s">
        <v>86</v>
      </c>
      <c r="F28" s="54" t="s">
        <v>185</v>
      </c>
      <c r="G28" s="54" t="s">
        <v>186</v>
      </c>
      <c r="H28" s="58"/>
      <c r="I28" s="58"/>
      <c r="J28" s="58" t="s">
        <v>138</v>
      </c>
      <c r="K28" s="58" t="s">
        <v>187</v>
      </c>
      <c r="L28" s="58"/>
      <c r="M28" s="58"/>
      <c r="N28" s="58" t="s">
        <v>188</v>
      </c>
      <c r="O28" s="58" t="s">
        <v>189</v>
      </c>
      <c r="P28" s="58">
        <v>70</v>
      </c>
      <c r="Q28" s="58">
        <v>100</v>
      </c>
      <c r="R28" s="58" t="s">
        <v>36</v>
      </c>
      <c r="S28" s="58"/>
      <c r="T28" s="58" t="s">
        <v>31</v>
      </c>
      <c r="U28" s="58"/>
      <c r="V28" s="56" t="s">
        <v>37</v>
      </c>
      <c r="W28" s="58" t="s">
        <v>190</v>
      </c>
    </row>
    <row r="29" spans="1:23" s="59" customFormat="1" ht="19.899999999999999" customHeight="1">
      <c r="A29" s="53">
        <v>771320010</v>
      </c>
      <c r="B29" s="54" t="s">
        <v>191</v>
      </c>
      <c r="C29" s="55" t="s">
        <v>192</v>
      </c>
      <c r="D29" s="59" t="s">
        <v>269</v>
      </c>
      <c r="E29" s="54" t="s">
        <v>55</v>
      </c>
      <c r="F29" s="57" t="s">
        <v>193</v>
      </c>
      <c r="G29" s="54" t="s">
        <v>194</v>
      </c>
      <c r="H29" s="58"/>
      <c r="I29" s="58"/>
      <c r="J29" s="58" t="s">
        <v>47</v>
      </c>
      <c r="K29" s="60" t="s">
        <v>195</v>
      </c>
      <c r="L29" s="58"/>
      <c r="M29" s="58"/>
      <c r="N29" s="58" t="s">
        <v>30</v>
      </c>
      <c r="O29" s="58" t="s">
        <v>100</v>
      </c>
      <c r="P29" s="60" t="s">
        <v>196</v>
      </c>
      <c r="Q29" s="58">
        <v>105</v>
      </c>
      <c r="R29" s="58" t="s">
        <v>36</v>
      </c>
      <c r="S29" s="58"/>
      <c r="T29" s="58" t="s">
        <v>52</v>
      </c>
      <c r="U29" s="58"/>
      <c r="V29" s="56" t="s">
        <v>37</v>
      </c>
      <c r="W29" s="58" t="s">
        <v>197</v>
      </c>
    </row>
    <row r="30" spans="1:23" s="59" customFormat="1" ht="19.899999999999999" customHeight="1">
      <c r="A30" s="53">
        <v>771320011</v>
      </c>
      <c r="B30" s="54" t="s">
        <v>191</v>
      </c>
      <c r="C30" s="55" t="s">
        <v>198</v>
      </c>
      <c r="D30" s="59" t="s">
        <v>269</v>
      </c>
      <c r="E30" s="54" t="s">
        <v>55</v>
      </c>
      <c r="F30" s="57" t="s">
        <v>193</v>
      </c>
      <c r="G30" s="54" t="s">
        <v>194</v>
      </c>
      <c r="H30" s="58"/>
      <c r="I30" s="58"/>
      <c r="J30" s="58" t="s">
        <v>47</v>
      </c>
      <c r="K30" s="60" t="s">
        <v>195</v>
      </c>
      <c r="L30" s="58"/>
      <c r="M30" s="58"/>
      <c r="N30" s="58" t="s">
        <v>30</v>
      </c>
      <c r="O30" s="58" t="s">
        <v>100</v>
      </c>
      <c r="P30" s="60" t="s">
        <v>196</v>
      </c>
      <c r="Q30" s="58">
        <v>105</v>
      </c>
      <c r="R30" s="58" t="s">
        <v>36</v>
      </c>
      <c r="S30" s="58"/>
      <c r="T30" s="58" t="s">
        <v>52</v>
      </c>
      <c r="U30" s="58"/>
      <c r="V30" s="56" t="s">
        <v>37</v>
      </c>
      <c r="W30" s="58" t="s">
        <v>197</v>
      </c>
    </row>
    <row r="31" spans="1:23" s="59" customFormat="1" ht="19.899999999999999" customHeight="1">
      <c r="A31" s="53">
        <v>555320008</v>
      </c>
      <c r="B31" s="57" t="s">
        <v>199</v>
      </c>
      <c r="C31" s="55" t="s">
        <v>200</v>
      </c>
      <c r="D31" s="59" t="s">
        <v>269</v>
      </c>
      <c r="E31" s="54" t="s">
        <v>55</v>
      </c>
      <c r="F31" s="54" t="s">
        <v>201</v>
      </c>
      <c r="G31" s="54" t="s">
        <v>202</v>
      </c>
      <c r="H31" s="58"/>
      <c r="I31" s="58"/>
      <c r="J31" s="58" t="s">
        <v>47</v>
      </c>
      <c r="K31" s="58" t="s">
        <v>203</v>
      </c>
      <c r="L31" s="58" t="s">
        <v>148</v>
      </c>
      <c r="M31" s="58"/>
      <c r="N31" s="58" t="s">
        <v>41</v>
      </c>
      <c r="O31" s="58" t="s">
        <v>100</v>
      </c>
      <c r="P31" s="58">
        <v>95</v>
      </c>
      <c r="Q31" s="58">
        <v>130</v>
      </c>
      <c r="R31" s="58" t="s">
        <v>36</v>
      </c>
      <c r="S31" s="58"/>
      <c r="T31" s="58" t="s">
        <v>31</v>
      </c>
      <c r="U31" s="58"/>
      <c r="V31" s="56" t="s">
        <v>37</v>
      </c>
      <c r="W31" s="58" t="s">
        <v>204</v>
      </c>
    </row>
    <row r="32" spans="1:23" s="59" customFormat="1" ht="19.899999999999999" customHeight="1">
      <c r="A32" s="53">
        <v>555320010</v>
      </c>
      <c r="B32" s="57" t="s">
        <v>199</v>
      </c>
      <c r="C32" s="55" t="s">
        <v>205</v>
      </c>
      <c r="D32" s="59" t="s">
        <v>269</v>
      </c>
      <c r="E32" s="54" t="s">
        <v>55</v>
      </c>
      <c r="F32" s="54" t="s">
        <v>201</v>
      </c>
      <c r="G32" s="54" t="s">
        <v>167</v>
      </c>
      <c r="H32" s="58"/>
      <c r="I32" s="58"/>
      <c r="J32" s="58" t="s">
        <v>47</v>
      </c>
      <c r="K32" s="58" t="s">
        <v>206</v>
      </c>
      <c r="L32" s="58" t="s">
        <v>148</v>
      </c>
      <c r="M32" s="58"/>
      <c r="N32" s="58" t="s">
        <v>41</v>
      </c>
      <c r="O32" s="58" t="s">
        <v>100</v>
      </c>
      <c r="P32" s="58">
        <v>95</v>
      </c>
      <c r="Q32" s="58">
        <v>130</v>
      </c>
      <c r="R32" s="58" t="s">
        <v>36</v>
      </c>
      <c r="S32" s="58"/>
      <c r="T32" s="58" t="s">
        <v>31</v>
      </c>
      <c r="U32" s="58"/>
      <c r="V32" s="56" t="s">
        <v>37</v>
      </c>
      <c r="W32" s="58" t="s">
        <v>204</v>
      </c>
    </row>
    <row r="33" spans="1:23" s="59" customFormat="1" ht="19.899999999999999" customHeight="1">
      <c r="A33" s="53">
        <v>555320006</v>
      </c>
      <c r="B33" s="57" t="s">
        <v>199</v>
      </c>
      <c r="C33" s="55" t="s">
        <v>207</v>
      </c>
      <c r="D33" s="59" t="s">
        <v>269</v>
      </c>
      <c r="E33" s="54" t="s">
        <v>55</v>
      </c>
      <c r="F33" s="54" t="s">
        <v>201</v>
      </c>
      <c r="G33" s="54" t="s">
        <v>202</v>
      </c>
      <c r="H33" s="58"/>
      <c r="I33" s="58"/>
      <c r="J33" s="58" t="s">
        <v>47</v>
      </c>
      <c r="K33" s="58" t="s">
        <v>206</v>
      </c>
      <c r="L33" s="58" t="s">
        <v>148</v>
      </c>
      <c r="M33" s="58"/>
      <c r="N33" s="58" t="s">
        <v>41</v>
      </c>
      <c r="O33" s="58" t="s">
        <v>100</v>
      </c>
      <c r="P33" s="58">
        <v>95</v>
      </c>
      <c r="Q33" s="58">
        <v>130</v>
      </c>
      <c r="R33" s="58" t="s">
        <v>36</v>
      </c>
      <c r="S33" s="58"/>
      <c r="T33" s="58" t="s">
        <v>31</v>
      </c>
      <c r="U33" s="58"/>
      <c r="V33" s="56" t="s">
        <v>37</v>
      </c>
      <c r="W33" s="58" t="s">
        <v>204</v>
      </c>
    </row>
    <row r="34" spans="1:23" s="59" customFormat="1" ht="19.899999999999999" customHeight="1">
      <c r="A34" s="53">
        <v>770310027</v>
      </c>
      <c r="B34" s="54" t="s">
        <v>208</v>
      </c>
      <c r="C34" s="55" t="s">
        <v>209</v>
      </c>
      <c r="D34" s="56" t="s">
        <v>136</v>
      </c>
      <c r="E34" s="54" t="s">
        <v>174</v>
      </c>
      <c r="F34" s="54" t="s">
        <v>210</v>
      </c>
      <c r="G34" s="54" t="s">
        <v>159</v>
      </c>
      <c r="H34" s="58"/>
      <c r="I34" s="58"/>
      <c r="J34" s="58" t="s">
        <v>108</v>
      </c>
      <c r="K34" s="60" t="s">
        <v>211</v>
      </c>
      <c r="L34" s="58"/>
      <c r="M34" s="58"/>
      <c r="N34" s="60" t="s">
        <v>212</v>
      </c>
      <c r="O34" s="61" t="s">
        <v>213</v>
      </c>
      <c r="P34" s="58">
        <v>280</v>
      </c>
      <c r="Q34" s="58">
        <v>350</v>
      </c>
      <c r="R34" s="58" t="s">
        <v>90</v>
      </c>
      <c r="S34" s="58"/>
      <c r="T34" s="58" t="s">
        <v>52</v>
      </c>
      <c r="U34" s="58"/>
      <c r="V34" s="56" t="s">
        <v>37</v>
      </c>
      <c r="W34" s="58" t="s">
        <v>271</v>
      </c>
    </row>
    <row r="35" spans="1:23" s="59" customFormat="1" ht="19.899999999999999" customHeight="1">
      <c r="A35" s="53">
        <v>550320017</v>
      </c>
      <c r="B35" s="54" t="s">
        <v>214</v>
      </c>
      <c r="C35" s="55" t="s">
        <v>215</v>
      </c>
      <c r="D35" s="59" t="s">
        <v>269</v>
      </c>
      <c r="E35" s="54" t="s">
        <v>55</v>
      </c>
      <c r="F35" s="57" t="s">
        <v>216</v>
      </c>
      <c r="G35" s="54" t="s">
        <v>217</v>
      </c>
      <c r="H35" s="58"/>
      <c r="I35" s="58"/>
      <c r="J35" s="58" t="s">
        <v>47</v>
      </c>
      <c r="K35" s="60" t="s">
        <v>218</v>
      </c>
      <c r="L35" s="58"/>
      <c r="M35" s="58"/>
      <c r="N35" s="58" t="s">
        <v>219</v>
      </c>
      <c r="O35" s="58" t="s">
        <v>64</v>
      </c>
      <c r="P35" s="58">
        <v>180</v>
      </c>
      <c r="Q35" s="58">
        <v>300</v>
      </c>
      <c r="R35" s="58" t="s">
        <v>36</v>
      </c>
      <c r="S35" s="58"/>
      <c r="T35" s="58" t="s">
        <v>31</v>
      </c>
      <c r="U35" s="58"/>
      <c r="V35" s="56" t="s">
        <v>37</v>
      </c>
      <c r="W35" s="58" t="s">
        <v>220</v>
      </c>
    </row>
    <row r="36" spans="1:23" s="59" customFormat="1" ht="19.899999999999999" customHeight="1">
      <c r="A36" s="53">
        <v>777110026</v>
      </c>
      <c r="B36" s="54" t="s">
        <v>221</v>
      </c>
      <c r="C36" s="55" t="s">
        <v>222</v>
      </c>
      <c r="D36" s="56" t="s">
        <v>136</v>
      </c>
      <c r="E36" s="54" t="s">
        <v>55</v>
      </c>
      <c r="F36" s="54" t="s">
        <v>223</v>
      </c>
      <c r="G36" s="54" t="s">
        <v>224</v>
      </c>
      <c r="H36" s="58"/>
      <c r="I36" s="58" t="s">
        <v>160</v>
      </c>
      <c r="J36" s="58"/>
      <c r="K36" s="60" t="s">
        <v>225</v>
      </c>
      <c r="L36" s="58"/>
      <c r="M36" s="58"/>
      <c r="N36" s="58" t="s">
        <v>226</v>
      </c>
      <c r="O36" s="58" t="s">
        <v>227</v>
      </c>
      <c r="P36" s="58">
        <v>35</v>
      </c>
      <c r="Q36" s="58">
        <v>55</v>
      </c>
      <c r="R36" s="58" t="s">
        <v>90</v>
      </c>
      <c r="S36" s="58"/>
      <c r="T36" s="58" t="s">
        <v>76</v>
      </c>
      <c r="U36" s="58"/>
      <c r="V36" s="56" t="s">
        <v>37</v>
      </c>
      <c r="W36" s="58" t="s">
        <v>228</v>
      </c>
    </row>
    <row r="37" spans="1:23" s="59" customFormat="1" ht="19.899999999999999" customHeight="1">
      <c r="A37" s="53">
        <v>777110027</v>
      </c>
      <c r="B37" s="54" t="s">
        <v>221</v>
      </c>
      <c r="C37" s="55" t="s">
        <v>229</v>
      </c>
      <c r="D37" s="56" t="s">
        <v>136</v>
      </c>
      <c r="E37" s="54" t="s">
        <v>55</v>
      </c>
      <c r="F37" s="54" t="s">
        <v>223</v>
      </c>
      <c r="G37" s="54" t="s">
        <v>230</v>
      </c>
      <c r="H37" s="58"/>
      <c r="I37" s="58" t="s">
        <v>160</v>
      </c>
      <c r="J37" s="58"/>
      <c r="K37" s="60" t="s">
        <v>225</v>
      </c>
      <c r="L37" s="58"/>
      <c r="M37" s="58"/>
      <c r="N37" s="58" t="s">
        <v>226</v>
      </c>
      <c r="O37" s="58" t="s">
        <v>227</v>
      </c>
      <c r="P37" s="58">
        <v>35</v>
      </c>
      <c r="Q37" s="58">
        <v>50</v>
      </c>
      <c r="R37" s="58" t="s">
        <v>90</v>
      </c>
      <c r="S37" s="58"/>
      <c r="T37" s="58" t="s">
        <v>76</v>
      </c>
      <c r="U37" s="58"/>
      <c r="V37" s="56" t="s">
        <v>37</v>
      </c>
      <c r="W37" s="58" t="s">
        <v>228</v>
      </c>
    </row>
    <row r="38" spans="1:23" s="59" customFormat="1" ht="19.899999999999999" customHeight="1">
      <c r="A38" s="53">
        <v>777310028</v>
      </c>
      <c r="B38" s="54" t="s">
        <v>231</v>
      </c>
      <c r="C38" s="55" t="s">
        <v>232</v>
      </c>
      <c r="D38" s="56" t="s">
        <v>136</v>
      </c>
      <c r="E38" s="54" t="s">
        <v>55</v>
      </c>
      <c r="F38" s="57" t="s">
        <v>233</v>
      </c>
      <c r="G38" s="54" t="s">
        <v>234</v>
      </c>
      <c r="H38" s="58"/>
      <c r="I38" s="58" t="s">
        <v>160</v>
      </c>
      <c r="J38" s="58"/>
      <c r="K38" s="60" t="s">
        <v>225</v>
      </c>
      <c r="L38" s="58"/>
      <c r="M38" s="58"/>
      <c r="N38" s="58" t="s">
        <v>226</v>
      </c>
      <c r="O38" s="58" t="s">
        <v>227</v>
      </c>
      <c r="P38" s="58">
        <v>35</v>
      </c>
      <c r="Q38" s="58">
        <v>45</v>
      </c>
      <c r="R38" s="58" t="s">
        <v>90</v>
      </c>
      <c r="S38" s="58"/>
      <c r="T38" s="58" t="s">
        <v>76</v>
      </c>
      <c r="U38" s="58"/>
      <c r="V38" s="56" t="s">
        <v>37</v>
      </c>
      <c r="W38" s="58" t="s">
        <v>228</v>
      </c>
    </row>
    <row r="39" spans="1:23" s="59" customFormat="1" ht="19.899999999999999" customHeight="1">
      <c r="A39" s="53">
        <v>777310012</v>
      </c>
      <c r="B39" s="54" t="s">
        <v>235</v>
      </c>
      <c r="C39" s="55" t="s">
        <v>236</v>
      </c>
      <c r="D39" s="56" t="s">
        <v>136</v>
      </c>
      <c r="E39" s="54" t="s">
        <v>157</v>
      </c>
      <c r="F39" s="57" t="s">
        <v>237</v>
      </c>
      <c r="G39" s="54" t="s">
        <v>238</v>
      </c>
      <c r="H39" s="58"/>
      <c r="I39" s="58" t="s">
        <v>160</v>
      </c>
      <c r="J39" s="58"/>
      <c r="K39" s="60" t="s">
        <v>225</v>
      </c>
      <c r="L39" s="58"/>
      <c r="M39" s="58"/>
      <c r="N39" s="58" t="s">
        <v>226</v>
      </c>
      <c r="O39" s="58" t="s">
        <v>227</v>
      </c>
      <c r="P39" s="58">
        <v>65</v>
      </c>
      <c r="Q39" s="58">
        <v>100</v>
      </c>
      <c r="R39" s="58" t="s">
        <v>36</v>
      </c>
      <c r="S39" s="58"/>
      <c r="T39" s="58" t="s">
        <v>76</v>
      </c>
      <c r="U39" s="58"/>
      <c r="V39" s="56" t="s">
        <v>37</v>
      </c>
      <c r="W39" s="58" t="s">
        <v>228</v>
      </c>
    </row>
    <row r="40" spans="1:23" s="59" customFormat="1" ht="19.899999999999999" customHeight="1">
      <c r="A40" s="53">
        <v>777310013</v>
      </c>
      <c r="B40" s="54" t="s">
        <v>235</v>
      </c>
      <c r="C40" s="55" t="s">
        <v>239</v>
      </c>
      <c r="D40" s="56" t="s">
        <v>136</v>
      </c>
      <c r="E40" s="54" t="s">
        <v>157</v>
      </c>
      <c r="F40" s="57" t="s">
        <v>237</v>
      </c>
      <c r="G40" s="54" t="s">
        <v>238</v>
      </c>
      <c r="H40" s="58"/>
      <c r="I40" s="58" t="s">
        <v>160</v>
      </c>
      <c r="J40" s="58"/>
      <c r="K40" s="60" t="s">
        <v>225</v>
      </c>
      <c r="L40" s="58"/>
      <c r="M40" s="58"/>
      <c r="N40" s="58" t="s">
        <v>226</v>
      </c>
      <c r="O40" s="58" t="s">
        <v>227</v>
      </c>
      <c r="P40" s="58">
        <v>65</v>
      </c>
      <c r="Q40" s="58">
        <v>100</v>
      </c>
      <c r="R40" s="58" t="s">
        <v>36</v>
      </c>
      <c r="S40" s="58"/>
      <c r="T40" s="58" t="s">
        <v>76</v>
      </c>
      <c r="U40" s="58"/>
      <c r="V40" s="56" t="s">
        <v>37</v>
      </c>
      <c r="W40" s="58" t="s">
        <v>228</v>
      </c>
    </row>
    <row r="41" spans="1:23" s="59" customFormat="1" ht="19.899999999999999" customHeight="1">
      <c r="A41" s="53">
        <v>777310015</v>
      </c>
      <c r="B41" s="54" t="s">
        <v>235</v>
      </c>
      <c r="C41" s="55" t="s">
        <v>240</v>
      </c>
      <c r="D41" s="56" t="s">
        <v>136</v>
      </c>
      <c r="E41" s="54" t="s">
        <v>157</v>
      </c>
      <c r="F41" s="57" t="s">
        <v>237</v>
      </c>
      <c r="G41" s="54" t="s">
        <v>238</v>
      </c>
      <c r="H41" s="58"/>
      <c r="I41" s="58" t="s">
        <v>160</v>
      </c>
      <c r="J41" s="58"/>
      <c r="K41" s="60" t="s">
        <v>225</v>
      </c>
      <c r="L41" s="58"/>
      <c r="M41" s="58"/>
      <c r="N41" s="58" t="s">
        <v>226</v>
      </c>
      <c r="O41" s="58" t="s">
        <v>227</v>
      </c>
      <c r="P41" s="58">
        <v>65</v>
      </c>
      <c r="Q41" s="58">
        <v>100</v>
      </c>
      <c r="R41" s="58" t="s">
        <v>36</v>
      </c>
      <c r="S41" s="58"/>
      <c r="T41" s="58" t="s">
        <v>76</v>
      </c>
      <c r="U41" s="58"/>
      <c r="V41" s="56" t="s">
        <v>37</v>
      </c>
      <c r="W41" s="58" t="s">
        <v>228</v>
      </c>
    </row>
    <row r="42" spans="1:23" s="59" customFormat="1" ht="19.899999999999999" customHeight="1">
      <c r="A42" s="53">
        <v>777310016</v>
      </c>
      <c r="B42" s="54" t="s">
        <v>235</v>
      </c>
      <c r="C42" s="55" t="s">
        <v>241</v>
      </c>
      <c r="D42" s="56" t="s">
        <v>136</v>
      </c>
      <c r="E42" s="54" t="s">
        <v>157</v>
      </c>
      <c r="F42" s="57" t="s">
        <v>237</v>
      </c>
      <c r="G42" s="54" t="s">
        <v>238</v>
      </c>
      <c r="H42" s="58"/>
      <c r="I42" s="58" t="s">
        <v>160</v>
      </c>
      <c r="J42" s="58"/>
      <c r="K42" s="60" t="s">
        <v>225</v>
      </c>
      <c r="L42" s="58"/>
      <c r="M42" s="58"/>
      <c r="N42" s="58" t="s">
        <v>226</v>
      </c>
      <c r="O42" s="58" t="s">
        <v>227</v>
      </c>
      <c r="P42" s="58">
        <v>65</v>
      </c>
      <c r="Q42" s="58">
        <v>100</v>
      </c>
      <c r="R42" s="58" t="s">
        <v>36</v>
      </c>
      <c r="S42" s="58"/>
      <c r="T42" s="58" t="s">
        <v>76</v>
      </c>
      <c r="U42" s="58"/>
      <c r="V42" s="56" t="s">
        <v>37</v>
      </c>
      <c r="W42" s="58" t="s">
        <v>228</v>
      </c>
    </row>
    <row r="43" spans="1:23" s="59" customFormat="1" ht="19.899999999999999" customHeight="1">
      <c r="A43" s="53">
        <v>777310025</v>
      </c>
      <c r="B43" s="54" t="s">
        <v>235</v>
      </c>
      <c r="C43" s="55" t="s">
        <v>242</v>
      </c>
      <c r="D43" s="56" t="s">
        <v>136</v>
      </c>
      <c r="E43" s="54" t="s">
        <v>157</v>
      </c>
      <c r="F43" s="57" t="s">
        <v>237</v>
      </c>
      <c r="G43" s="54" t="s">
        <v>238</v>
      </c>
      <c r="H43" s="58"/>
      <c r="I43" s="58" t="s">
        <v>160</v>
      </c>
      <c r="J43" s="58"/>
      <c r="K43" s="60" t="s">
        <v>225</v>
      </c>
      <c r="L43" s="58"/>
      <c r="M43" s="58"/>
      <c r="N43" s="58" t="s">
        <v>226</v>
      </c>
      <c r="O43" s="58" t="s">
        <v>227</v>
      </c>
      <c r="P43" s="58">
        <v>65</v>
      </c>
      <c r="Q43" s="58">
        <v>100</v>
      </c>
      <c r="R43" s="58" t="s">
        <v>36</v>
      </c>
      <c r="S43" s="58"/>
      <c r="T43" s="58" t="s">
        <v>76</v>
      </c>
      <c r="U43" s="58"/>
      <c r="V43" s="56" t="s">
        <v>37</v>
      </c>
      <c r="W43" s="58" t="s">
        <v>228</v>
      </c>
    </row>
    <row r="44" spans="1:23" s="59" customFormat="1" ht="19.899999999999999" customHeight="1">
      <c r="A44" s="53">
        <v>777110008</v>
      </c>
      <c r="B44" s="54"/>
      <c r="C44" s="55" t="s">
        <v>243</v>
      </c>
      <c r="D44" s="56" t="s">
        <v>136</v>
      </c>
      <c r="E44" s="54" t="s">
        <v>157</v>
      </c>
      <c r="F44" s="54" t="s">
        <v>244</v>
      </c>
      <c r="G44" s="54" t="s">
        <v>245</v>
      </c>
      <c r="H44" s="58"/>
      <c r="I44" s="58" t="s">
        <v>160</v>
      </c>
      <c r="J44" s="58"/>
      <c r="K44" s="60" t="s">
        <v>225</v>
      </c>
      <c r="L44" s="58"/>
      <c r="M44" s="58"/>
      <c r="N44" s="58" t="s">
        <v>226</v>
      </c>
      <c r="O44" s="58" t="s">
        <v>227</v>
      </c>
      <c r="P44" s="58">
        <v>35</v>
      </c>
      <c r="Q44" s="58">
        <v>55</v>
      </c>
      <c r="R44" s="58" t="s">
        <v>36</v>
      </c>
      <c r="S44" s="58"/>
      <c r="T44" s="58" t="s">
        <v>76</v>
      </c>
      <c r="U44" s="58"/>
      <c r="V44" s="56" t="s">
        <v>37</v>
      </c>
      <c r="W44" s="58" t="s">
        <v>228</v>
      </c>
    </row>
    <row r="45" spans="1:23" s="59" customFormat="1" ht="19.899999999999999" customHeight="1">
      <c r="A45" s="53">
        <v>777110014</v>
      </c>
      <c r="B45" s="54"/>
      <c r="C45" s="55" t="s">
        <v>246</v>
      </c>
      <c r="D45" s="56" t="s">
        <v>136</v>
      </c>
      <c r="E45" s="54" t="s">
        <v>157</v>
      </c>
      <c r="F45" s="57" t="s">
        <v>247</v>
      </c>
      <c r="G45" s="54" t="s">
        <v>248</v>
      </c>
      <c r="H45" s="58"/>
      <c r="I45" s="58" t="s">
        <v>160</v>
      </c>
      <c r="J45" s="58"/>
      <c r="K45" s="60" t="s">
        <v>225</v>
      </c>
      <c r="L45" s="58"/>
      <c r="M45" s="58"/>
      <c r="N45" s="58" t="s">
        <v>226</v>
      </c>
      <c r="O45" s="58" t="s">
        <v>227</v>
      </c>
      <c r="P45" s="58">
        <v>35</v>
      </c>
      <c r="Q45" s="58">
        <v>55</v>
      </c>
      <c r="R45" s="58" t="s">
        <v>36</v>
      </c>
      <c r="S45" s="58"/>
      <c r="T45" s="58" t="s">
        <v>76</v>
      </c>
      <c r="U45" s="58"/>
      <c r="V45" s="56" t="s">
        <v>37</v>
      </c>
      <c r="W45" s="58" t="s">
        <v>228</v>
      </c>
    </row>
    <row r="46" spans="1:23" s="59" customFormat="1" ht="19.899999999999999" customHeight="1">
      <c r="A46" s="53">
        <v>777110029</v>
      </c>
      <c r="B46" s="54" t="s">
        <v>249</v>
      </c>
      <c r="C46" s="55" t="s">
        <v>250</v>
      </c>
      <c r="D46" s="56" t="s">
        <v>136</v>
      </c>
      <c r="E46" s="54" t="s">
        <v>251</v>
      </c>
      <c r="F46" s="57" t="s">
        <v>252</v>
      </c>
      <c r="G46" s="54" t="s">
        <v>176</v>
      </c>
      <c r="H46" s="58"/>
      <c r="I46" s="58" t="s">
        <v>160</v>
      </c>
      <c r="J46" s="58"/>
      <c r="K46" s="60" t="s">
        <v>225</v>
      </c>
      <c r="L46" s="58"/>
      <c r="M46" s="58"/>
      <c r="N46" s="58" t="s">
        <v>226</v>
      </c>
      <c r="O46" s="58" t="s">
        <v>227</v>
      </c>
      <c r="P46" s="58">
        <v>200</v>
      </c>
      <c r="Q46" s="58">
        <v>250</v>
      </c>
      <c r="R46" s="58" t="s">
        <v>36</v>
      </c>
      <c r="S46" s="58"/>
      <c r="T46" s="58" t="s">
        <v>76</v>
      </c>
      <c r="U46" s="58"/>
      <c r="V46" s="56" t="s">
        <v>37</v>
      </c>
      <c r="W46" s="58" t="s">
        <v>228</v>
      </c>
    </row>
    <row r="47" spans="1:23" s="59" customFormat="1" ht="19.899999999999999" customHeight="1">
      <c r="A47" s="53">
        <v>890310007</v>
      </c>
      <c r="B47" s="54" t="s">
        <v>253</v>
      </c>
      <c r="C47" s="55" t="s">
        <v>254</v>
      </c>
      <c r="D47" s="56" t="s">
        <v>136</v>
      </c>
      <c r="E47" s="54" t="s">
        <v>157</v>
      </c>
      <c r="F47" s="54" t="s">
        <v>255</v>
      </c>
      <c r="G47" s="54" t="s">
        <v>256</v>
      </c>
      <c r="H47" s="58"/>
      <c r="I47" s="58"/>
      <c r="J47" s="58" t="s">
        <v>108</v>
      </c>
      <c r="K47" s="58" t="s">
        <v>48</v>
      </c>
      <c r="L47" s="58"/>
      <c r="M47" s="58"/>
      <c r="N47" s="58" t="s">
        <v>74</v>
      </c>
      <c r="O47" s="58" t="s">
        <v>64</v>
      </c>
      <c r="P47" s="58">
        <v>55</v>
      </c>
      <c r="Q47" s="58">
        <v>80</v>
      </c>
      <c r="R47" s="58" t="s">
        <v>90</v>
      </c>
      <c r="S47" s="58"/>
      <c r="T47" s="58" t="s">
        <v>31</v>
      </c>
      <c r="U47" s="58"/>
      <c r="V47" s="56" t="s">
        <v>37</v>
      </c>
      <c r="W47" s="58" t="s">
        <v>257</v>
      </c>
    </row>
    <row r="48" spans="1:23" s="59" customFormat="1" ht="19.899999999999999" customHeight="1">
      <c r="A48" s="53">
        <v>890310008</v>
      </c>
      <c r="B48" s="54" t="s">
        <v>253</v>
      </c>
      <c r="C48" s="55" t="s">
        <v>258</v>
      </c>
      <c r="D48" s="56" t="s">
        <v>136</v>
      </c>
      <c r="E48" s="54" t="s">
        <v>80</v>
      </c>
      <c r="F48" s="54" t="s">
        <v>259</v>
      </c>
      <c r="G48" s="54" t="s">
        <v>260</v>
      </c>
      <c r="H48" s="58"/>
      <c r="I48" s="58"/>
      <c r="J48" s="58" t="s">
        <v>108</v>
      </c>
      <c r="K48" s="58" t="s">
        <v>48</v>
      </c>
      <c r="L48" s="58"/>
      <c r="M48" s="58"/>
      <c r="N48" s="58" t="s">
        <v>74</v>
      </c>
      <c r="O48" s="58" t="s">
        <v>64</v>
      </c>
      <c r="P48" s="58">
        <v>140</v>
      </c>
      <c r="Q48" s="58">
        <v>200</v>
      </c>
      <c r="R48" s="58" t="s">
        <v>90</v>
      </c>
      <c r="S48" s="58"/>
      <c r="T48" s="58" t="s">
        <v>31</v>
      </c>
      <c r="U48" s="58"/>
      <c r="V48" s="56" t="s">
        <v>37</v>
      </c>
      <c r="W48" s="58" t="s">
        <v>257</v>
      </c>
    </row>
    <row r="49" spans="1:23" s="59" customFormat="1" ht="19.899999999999999" customHeight="1">
      <c r="A49" s="53">
        <v>556320021</v>
      </c>
      <c r="B49" s="57" t="s">
        <v>261</v>
      </c>
      <c r="C49" s="55" t="s">
        <v>262</v>
      </c>
      <c r="D49" s="59" t="s">
        <v>269</v>
      </c>
      <c r="E49" s="54" t="s">
        <v>80</v>
      </c>
      <c r="F49" s="57" t="s">
        <v>263</v>
      </c>
      <c r="G49" s="54" t="s">
        <v>264</v>
      </c>
      <c r="H49" s="58"/>
      <c r="I49" s="58"/>
      <c r="J49" s="58" t="s">
        <v>47</v>
      </c>
      <c r="K49" s="58" t="s">
        <v>195</v>
      </c>
      <c r="L49" s="58"/>
      <c r="M49" s="58"/>
      <c r="N49" s="58" t="s">
        <v>265</v>
      </c>
      <c r="O49" s="58" t="s">
        <v>134</v>
      </c>
      <c r="P49" s="58">
        <v>120</v>
      </c>
      <c r="Q49" s="58">
        <v>200</v>
      </c>
      <c r="R49" s="58" t="s">
        <v>36</v>
      </c>
      <c r="S49" s="58"/>
      <c r="T49" s="58" t="s">
        <v>31</v>
      </c>
      <c r="U49" s="58"/>
      <c r="V49" s="56" t="s">
        <v>37</v>
      </c>
      <c r="W49" s="58" t="s">
        <v>266</v>
      </c>
    </row>
    <row r="50" spans="1:23" s="59" customFormat="1" ht="19.899999999999999" customHeight="1">
      <c r="A50" s="53">
        <v>556320022</v>
      </c>
      <c r="B50" s="57" t="s">
        <v>261</v>
      </c>
      <c r="C50" s="55" t="s">
        <v>267</v>
      </c>
      <c r="D50" s="59" t="s">
        <v>269</v>
      </c>
      <c r="E50" s="54" t="s">
        <v>80</v>
      </c>
      <c r="F50" s="57" t="s">
        <v>268</v>
      </c>
      <c r="G50" s="54" t="s">
        <v>264</v>
      </c>
      <c r="H50" s="58"/>
      <c r="I50" s="58"/>
      <c r="J50" s="58" t="s">
        <v>47</v>
      </c>
      <c r="K50" s="58" t="s">
        <v>195</v>
      </c>
      <c r="L50" s="58"/>
      <c r="M50" s="58"/>
      <c r="N50" s="58" t="s">
        <v>265</v>
      </c>
      <c r="O50" s="58" t="s">
        <v>134</v>
      </c>
      <c r="P50" s="58">
        <v>120</v>
      </c>
      <c r="Q50" s="58">
        <v>200</v>
      </c>
      <c r="R50" s="58" t="s">
        <v>36</v>
      </c>
      <c r="S50" s="58"/>
      <c r="T50" s="58" t="s">
        <v>31</v>
      </c>
      <c r="U50" s="58"/>
      <c r="V50" s="56" t="s">
        <v>37</v>
      </c>
      <c r="W50" s="58" t="s">
        <v>266</v>
      </c>
    </row>
    <row r="51" spans="1:23" s="67" customFormat="1" ht="19.899999999999999" customHeight="1">
      <c r="A51" s="62">
        <v>617310001</v>
      </c>
      <c r="B51" s="63"/>
      <c r="C51" s="64" t="s">
        <v>272</v>
      </c>
      <c r="D51" s="65" t="s">
        <v>136</v>
      </c>
      <c r="E51" s="63" t="s">
        <v>44</v>
      </c>
      <c r="F51" s="63" t="s">
        <v>300</v>
      </c>
      <c r="G51" s="63" t="s">
        <v>104</v>
      </c>
      <c r="H51" s="66"/>
      <c r="I51" s="66"/>
      <c r="J51" s="66" t="s">
        <v>108</v>
      </c>
      <c r="K51" s="66" t="s">
        <v>72</v>
      </c>
      <c r="L51" s="66"/>
      <c r="M51" s="66"/>
      <c r="N51" s="66" t="s">
        <v>273</v>
      </c>
      <c r="O51" s="66" t="s">
        <v>134</v>
      </c>
      <c r="P51" s="66">
        <v>78</v>
      </c>
      <c r="Q51" s="66">
        <v>90</v>
      </c>
      <c r="R51" s="66" t="s">
        <v>90</v>
      </c>
      <c r="S51" s="66"/>
      <c r="T51" s="66" t="s">
        <v>31</v>
      </c>
      <c r="U51" s="66"/>
      <c r="V51" s="65" t="s">
        <v>37</v>
      </c>
      <c r="W51" s="66" t="s">
        <v>274</v>
      </c>
    </row>
    <row r="52" spans="1:23" s="67" customFormat="1" ht="19.899999999999999" customHeight="1">
      <c r="A52" s="62">
        <v>615340021</v>
      </c>
      <c r="B52" s="63"/>
      <c r="C52" s="64" t="s">
        <v>275</v>
      </c>
      <c r="D52" s="67" t="s">
        <v>137</v>
      </c>
      <c r="E52" s="63" t="s">
        <v>27</v>
      </c>
      <c r="F52" s="63" t="s">
        <v>276</v>
      </c>
      <c r="G52" s="63" t="s">
        <v>277</v>
      </c>
      <c r="H52" s="66"/>
      <c r="I52" s="66"/>
      <c r="J52" s="66" t="s">
        <v>108</v>
      </c>
      <c r="K52" s="68" t="s">
        <v>278</v>
      </c>
      <c r="L52" s="66"/>
      <c r="M52" s="66"/>
      <c r="N52" s="66" t="s">
        <v>279</v>
      </c>
      <c r="O52" s="66" t="s">
        <v>100</v>
      </c>
      <c r="P52" s="66">
        <v>360</v>
      </c>
      <c r="Q52" s="66"/>
      <c r="R52" s="66" t="s">
        <v>36</v>
      </c>
      <c r="S52" s="66"/>
      <c r="T52" s="66" t="s">
        <v>31</v>
      </c>
      <c r="U52" s="66"/>
      <c r="V52" s="65" t="s">
        <v>37</v>
      </c>
      <c r="W52" s="66" t="s">
        <v>280</v>
      </c>
    </row>
    <row r="53" spans="1:23" s="67" customFormat="1" ht="19.899999999999999" customHeight="1">
      <c r="A53" s="62">
        <v>615340022</v>
      </c>
      <c r="B53" s="63"/>
      <c r="C53" s="64" t="s">
        <v>281</v>
      </c>
      <c r="D53" s="67" t="s">
        <v>137</v>
      </c>
      <c r="E53" s="63" t="s">
        <v>27</v>
      </c>
      <c r="F53" s="63" t="s">
        <v>282</v>
      </c>
      <c r="G53" s="63" t="s">
        <v>283</v>
      </c>
      <c r="H53" s="66"/>
      <c r="I53" s="66"/>
      <c r="J53" s="66" t="s">
        <v>108</v>
      </c>
      <c r="K53" s="68" t="s">
        <v>278</v>
      </c>
      <c r="L53" s="66"/>
      <c r="M53" s="66"/>
      <c r="N53" s="66" t="s">
        <v>279</v>
      </c>
      <c r="O53" s="66" t="s">
        <v>100</v>
      </c>
      <c r="P53" s="66">
        <v>200</v>
      </c>
      <c r="Q53" s="66"/>
      <c r="R53" s="66" t="s">
        <v>36</v>
      </c>
      <c r="S53" s="66"/>
      <c r="T53" s="66" t="s">
        <v>31</v>
      </c>
      <c r="U53" s="66"/>
      <c r="V53" s="65" t="s">
        <v>37</v>
      </c>
      <c r="W53" s="66" t="s">
        <v>280</v>
      </c>
    </row>
    <row r="54" spans="1:23" s="67" customFormat="1" ht="19.899999999999999" customHeight="1">
      <c r="A54" s="62">
        <v>615340023</v>
      </c>
      <c r="B54" s="63"/>
      <c r="C54" s="64" t="s">
        <v>284</v>
      </c>
      <c r="D54" s="67" t="s">
        <v>137</v>
      </c>
      <c r="E54" s="63" t="s">
        <v>27</v>
      </c>
      <c r="F54" s="63" t="s">
        <v>282</v>
      </c>
      <c r="G54" s="63" t="s">
        <v>283</v>
      </c>
      <c r="H54" s="66"/>
      <c r="I54" s="66"/>
      <c r="J54" s="66" t="s">
        <v>108</v>
      </c>
      <c r="K54" s="68" t="s">
        <v>278</v>
      </c>
      <c r="L54" s="66"/>
      <c r="M54" s="66"/>
      <c r="N54" s="66" t="s">
        <v>279</v>
      </c>
      <c r="O54" s="66" t="s">
        <v>100</v>
      </c>
      <c r="P54" s="66">
        <v>400</v>
      </c>
      <c r="Q54" s="66"/>
      <c r="R54" s="66" t="s">
        <v>36</v>
      </c>
      <c r="S54" s="66"/>
      <c r="T54" s="66" t="s">
        <v>31</v>
      </c>
      <c r="U54" s="66"/>
      <c r="V54" s="65" t="s">
        <v>37</v>
      </c>
      <c r="W54" s="66" t="s">
        <v>280</v>
      </c>
    </row>
    <row r="55" spans="1:23" s="67" customFormat="1" ht="19.899999999999999" customHeight="1">
      <c r="A55" s="62">
        <v>615340028</v>
      </c>
      <c r="B55" s="63"/>
      <c r="C55" s="64" t="s">
        <v>285</v>
      </c>
      <c r="D55" s="67" t="s">
        <v>137</v>
      </c>
      <c r="E55" s="63" t="s">
        <v>27</v>
      </c>
      <c r="F55" s="63" t="s">
        <v>276</v>
      </c>
      <c r="G55" s="63" t="s">
        <v>286</v>
      </c>
      <c r="H55" s="66"/>
      <c r="I55" s="66"/>
      <c r="J55" s="66" t="s">
        <v>108</v>
      </c>
      <c r="K55" s="68" t="s">
        <v>278</v>
      </c>
      <c r="L55" s="66"/>
      <c r="M55" s="66"/>
      <c r="N55" s="66" t="s">
        <v>279</v>
      </c>
      <c r="O55" s="66" t="s">
        <v>100</v>
      </c>
      <c r="P55" s="66">
        <v>140</v>
      </c>
      <c r="Q55" s="66">
        <v>160</v>
      </c>
      <c r="R55" s="66" t="s">
        <v>36</v>
      </c>
      <c r="S55" s="66"/>
      <c r="T55" s="66" t="s">
        <v>31</v>
      </c>
      <c r="U55" s="66"/>
      <c r="V55" s="65" t="s">
        <v>37</v>
      </c>
      <c r="W55" s="66" t="s">
        <v>280</v>
      </c>
    </row>
    <row r="56" spans="1:23" s="67" customFormat="1" ht="19.899999999999999" customHeight="1">
      <c r="A56" s="62">
        <v>615340029</v>
      </c>
      <c r="B56" s="63"/>
      <c r="C56" s="64" t="s">
        <v>287</v>
      </c>
      <c r="D56" s="67" t="s">
        <v>137</v>
      </c>
      <c r="E56" s="63" t="s">
        <v>27</v>
      </c>
      <c r="F56" s="63" t="s">
        <v>276</v>
      </c>
      <c r="G56" s="63" t="s">
        <v>288</v>
      </c>
      <c r="H56" s="66"/>
      <c r="I56" s="66"/>
      <c r="J56" s="66" t="s">
        <v>108</v>
      </c>
      <c r="K56" s="68" t="s">
        <v>278</v>
      </c>
      <c r="L56" s="66"/>
      <c r="M56" s="66"/>
      <c r="N56" s="66" t="s">
        <v>279</v>
      </c>
      <c r="O56" s="66" t="s">
        <v>100</v>
      </c>
      <c r="P56" s="66">
        <v>180</v>
      </c>
      <c r="Q56" s="66">
        <v>220</v>
      </c>
      <c r="R56" s="66" t="s">
        <v>36</v>
      </c>
      <c r="S56" s="66"/>
      <c r="T56" s="66" t="s">
        <v>31</v>
      </c>
      <c r="U56" s="66"/>
      <c r="V56" s="65" t="s">
        <v>37</v>
      </c>
      <c r="W56" s="66" t="s">
        <v>280</v>
      </c>
    </row>
    <row r="57" spans="1:23" s="67" customFormat="1" ht="19.899999999999999" customHeight="1">
      <c r="A57" s="62">
        <v>615340030</v>
      </c>
      <c r="B57" s="69"/>
      <c r="C57" s="64" t="s">
        <v>289</v>
      </c>
      <c r="D57" s="67" t="s">
        <v>137</v>
      </c>
      <c r="E57" s="69" t="s">
        <v>27</v>
      </c>
      <c r="F57" s="69" t="s">
        <v>276</v>
      </c>
      <c r="G57" s="69" t="s">
        <v>290</v>
      </c>
      <c r="H57" s="70"/>
      <c r="I57" s="70"/>
      <c r="J57" s="70" t="s">
        <v>108</v>
      </c>
      <c r="K57" s="71" t="s">
        <v>278</v>
      </c>
      <c r="L57" s="70"/>
      <c r="M57" s="70"/>
      <c r="N57" s="70" t="s">
        <v>279</v>
      </c>
      <c r="O57" s="70" t="s">
        <v>100</v>
      </c>
      <c r="P57" s="70">
        <v>300</v>
      </c>
      <c r="Q57" s="70">
        <v>330</v>
      </c>
      <c r="R57" s="70" t="s">
        <v>36</v>
      </c>
      <c r="S57" s="70"/>
      <c r="T57" s="70" t="s">
        <v>31</v>
      </c>
      <c r="U57" s="70"/>
      <c r="V57" s="65" t="s">
        <v>37</v>
      </c>
      <c r="W57" s="70" t="s">
        <v>280</v>
      </c>
    </row>
    <row r="58" spans="1:23" s="67" customFormat="1" ht="19.899999999999999" customHeight="1">
      <c r="A58" s="62">
        <v>331330031</v>
      </c>
      <c r="B58" s="69"/>
      <c r="C58" s="64" t="s">
        <v>291</v>
      </c>
      <c r="D58" s="67" t="s">
        <v>135</v>
      </c>
      <c r="E58" s="69" t="s">
        <v>292</v>
      </c>
      <c r="F58" s="69" t="s">
        <v>293</v>
      </c>
      <c r="G58" s="69"/>
      <c r="H58" s="70"/>
      <c r="I58" s="70"/>
      <c r="J58" s="70" t="s">
        <v>294</v>
      </c>
      <c r="K58" s="71" t="s">
        <v>295</v>
      </c>
      <c r="L58" s="70"/>
      <c r="M58" s="70"/>
      <c r="N58" s="70" t="s">
        <v>296</v>
      </c>
      <c r="O58" s="70" t="s">
        <v>297</v>
      </c>
      <c r="P58" s="70">
        <v>20</v>
      </c>
      <c r="Q58" s="70">
        <v>45</v>
      </c>
      <c r="R58" s="70" t="s">
        <v>90</v>
      </c>
      <c r="S58" s="70"/>
      <c r="T58" s="70" t="s">
        <v>76</v>
      </c>
      <c r="U58" s="70"/>
      <c r="V58" s="65" t="s">
        <v>37</v>
      </c>
      <c r="W58" s="70" t="s">
        <v>298</v>
      </c>
    </row>
    <row r="59" spans="1:23" s="67" customFormat="1" ht="19.899999999999999" customHeight="1">
      <c r="A59" s="62">
        <v>331330030</v>
      </c>
      <c r="B59" s="69"/>
      <c r="C59" s="64" t="s">
        <v>299</v>
      </c>
      <c r="D59" s="67" t="s">
        <v>135</v>
      </c>
      <c r="E59" s="69" t="s">
        <v>292</v>
      </c>
      <c r="F59" s="69" t="s">
        <v>293</v>
      </c>
      <c r="G59" s="69"/>
      <c r="H59" s="70"/>
      <c r="I59" s="70"/>
      <c r="J59" s="70" t="s">
        <v>294</v>
      </c>
      <c r="K59" s="71" t="s">
        <v>295</v>
      </c>
      <c r="L59" s="70"/>
      <c r="M59" s="70"/>
      <c r="N59" s="70" t="s">
        <v>296</v>
      </c>
      <c r="O59" s="70" t="s">
        <v>297</v>
      </c>
      <c r="P59" s="70">
        <v>50</v>
      </c>
      <c r="Q59" s="70">
        <v>130</v>
      </c>
      <c r="R59" s="70" t="s">
        <v>90</v>
      </c>
      <c r="S59" s="70"/>
      <c r="T59" s="70" t="s">
        <v>76</v>
      </c>
      <c r="U59" s="70"/>
      <c r="V59" s="65" t="s">
        <v>37</v>
      </c>
      <c r="W59" s="70" t="s">
        <v>298</v>
      </c>
    </row>
    <row r="60" spans="1:23" s="4" customFormat="1" ht="19.899999999999999" customHeight="1">
      <c r="A60" s="1">
        <v>439330017</v>
      </c>
      <c r="B60" s="2" t="s">
        <v>301</v>
      </c>
      <c r="C60" s="3" t="s">
        <v>302</v>
      </c>
      <c r="D60" s="4" t="s">
        <v>135</v>
      </c>
      <c r="E60" s="2" t="s">
        <v>303</v>
      </c>
      <c r="F60" s="2" t="s">
        <v>304</v>
      </c>
      <c r="G60" s="2" t="s">
        <v>305</v>
      </c>
      <c r="H60" s="72"/>
      <c r="I60" s="72"/>
      <c r="J60" s="72" t="s">
        <v>138</v>
      </c>
      <c r="K60" s="73" t="s">
        <v>306</v>
      </c>
      <c r="L60" s="72"/>
      <c r="M60" s="72"/>
      <c r="N60" s="72" t="s">
        <v>296</v>
      </c>
      <c r="O60" s="72" t="s">
        <v>307</v>
      </c>
      <c r="P60" s="72">
        <v>600</v>
      </c>
      <c r="Q60" s="72">
        <v>850</v>
      </c>
      <c r="R60" s="74" t="s">
        <v>36</v>
      </c>
      <c r="S60" s="72"/>
      <c r="T60" s="72" t="s">
        <v>76</v>
      </c>
      <c r="U60" s="72"/>
      <c r="V60" s="5" t="s">
        <v>37</v>
      </c>
      <c r="W60" s="72" t="s">
        <v>308</v>
      </c>
    </row>
    <row r="61" spans="1:23" s="4" customFormat="1" ht="19.899999999999999" customHeight="1">
      <c r="A61" s="1">
        <v>439330017</v>
      </c>
      <c r="B61" s="2" t="s">
        <v>301</v>
      </c>
      <c r="C61" s="3" t="s">
        <v>302</v>
      </c>
      <c r="D61" s="4" t="s">
        <v>135</v>
      </c>
      <c r="E61" s="2" t="s">
        <v>303</v>
      </c>
      <c r="F61" s="2" t="s">
        <v>304</v>
      </c>
      <c r="G61" s="2" t="s">
        <v>305</v>
      </c>
      <c r="H61" s="72"/>
      <c r="I61" s="72"/>
      <c r="J61" s="72" t="s">
        <v>138</v>
      </c>
      <c r="K61" s="73" t="s">
        <v>306</v>
      </c>
      <c r="L61" s="72"/>
      <c r="M61" s="72"/>
      <c r="N61" s="72" t="s">
        <v>296</v>
      </c>
      <c r="O61" s="72" t="s">
        <v>307</v>
      </c>
      <c r="P61" s="72">
        <v>600</v>
      </c>
      <c r="Q61" s="72">
        <v>850</v>
      </c>
      <c r="R61" s="74" t="s">
        <v>36</v>
      </c>
      <c r="S61" s="72"/>
      <c r="T61" s="72" t="s">
        <v>76</v>
      </c>
      <c r="U61" s="72"/>
      <c r="V61" s="5" t="s">
        <v>37</v>
      </c>
      <c r="W61" s="72" t="s">
        <v>308</v>
      </c>
    </row>
    <row r="62" spans="1:23" s="4" customFormat="1" ht="19.899999999999999" customHeight="1">
      <c r="A62" s="1">
        <v>439330017</v>
      </c>
      <c r="B62" s="2" t="s">
        <v>301</v>
      </c>
      <c r="C62" s="3" t="s">
        <v>302</v>
      </c>
      <c r="D62" s="4" t="s">
        <v>135</v>
      </c>
      <c r="E62" s="2" t="s">
        <v>303</v>
      </c>
      <c r="F62" s="2" t="s">
        <v>304</v>
      </c>
      <c r="G62" s="2" t="s">
        <v>305</v>
      </c>
      <c r="H62" s="72"/>
      <c r="I62" s="72"/>
      <c r="J62" s="72" t="s">
        <v>138</v>
      </c>
      <c r="K62" s="73" t="s">
        <v>306</v>
      </c>
      <c r="L62" s="72"/>
      <c r="M62" s="72"/>
      <c r="N62" s="72" t="s">
        <v>296</v>
      </c>
      <c r="O62" s="72" t="s">
        <v>307</v>
      </c>
      <c r="P62" s="72">
        <v>600</v>
      </c>
      <c r="Q62" s="72">
        <v>850</v>
      </c>
      <c r="R62" s="74" t="s">
        <v>36</v>
      </c>
      <c r="S62" s="72"/>
      <c r="T62" s="72" t="s">
        <v>76</v>
      </c>
      <c r="U62" s="72"/>
      <c r="V62" s="5" t="s">
        <v>37</v>
      </c>
      <c r="W62" s="72" t="s">
        <v>308</v>
      </c>
    </row>
    <row r="63" spans="1:23" s="4" customFormat="1" ht="19.899999999999999" customHeight="1">
      <c r="A63" s="1">
        <v>439330018</v>
      </c>
      <c r="B63" s="6" t="s">
        <v>301</v>
      </c>
      <c r="C63" s="3" t="s">
        <v>309</v>
      </c>
      <c r="D63" s="4" t="s">
        <v>135</v>
      </c>
      <c r="E63" s="6" t="s">
        <v>303</v>
      </c>
      <c r="F63" s="6" t="s">
        <v>310</v>
      </c>
      <c r="G63" s="6" t="s">
        <v>311</v>
      </c>
      <c r="H63" s="75"/>
      <c r="I63" s="75"/>
      <c r="J63" s="75" t="s">
        <v>138</v>
      </c>
      <c r="K63" s="76" t="s">
        <v>306</v>
      </c>
      <c r="L63" s="75"/>
      <c r="M63" s="75"/>
      <c r="N63" s="75" t="s">
        <v>296</v>
      </c>
      <c r="O63" s="75" t="s">
        <v>312</v>
      </c>
      <c r="P63" s="75">
        <v>500</v>
      </c>
      <c r="Q63" s="75">
        <v>750</v>
      </c>
      <c r="R63" s="74" t="s">
        <v>36</v>
      </c>
      <c r="S63" s="75"/>
      <c r="T63" s="75" t="s">
        <v>76</v>
      </c>
      <c r="U63" s="75"/>
      <c r="V63" s="5" t="s">
        <v>37</v>
      </c>
      <c r="W63" s="75" t="s">
        <v>308</v>
      </c>
    </row>
    <row r="64" spans="1:23" s="4" customFormat="1" ht="19.899999999999999" customHeight="1">
      <c r="A64" s="1">
        <v>439330019</v>
      </c>
      <c r="B64" s="2" t="s">
        <v>301</v>
      </c>
      <c r="C64" s="3" t="s">
        <v>313</v>
      </c>
      <c r="D64" s="4" t="s">
        <v>135</v>
      </c>
      <c r="E64" s="2" t="s">
        <v>303</v>
      </c>
      <c r="F64" s="2" t="s">
        <v>310</v>
      </c>
      <c r="G64" s="2" t="s">
        <v>314</v>
      </c>
      <c r="H64" s="72"/>
      <c r="I64" s="72"/>
      <c r="J64" s="72" t="s">
        <v>138</v>
      </c>
      <c r="K64" s="73" t="s">
        <v>306</v>
      </c>
      <c r="L64" s="72"/>
      <c r="M64" s="72"/>
      <c r="N64" s="72" t="s">
        <v>296</v>
      </c>
      <c r="O64" s="72" t="s">
        <v>312</v>
      </c>
      <c r="P64" s="72">
        <v>550</v>
      </c>
      <c r="Q64" s="72">
        <v>850</v>
      </c>
      <c r="R64" s="72" t="s">
        <v>36</v>
      </c>
      <c r="S64" s="72"/>
      <c r="T64" s="72" t="s">
        <v>76</v>
      </c>
      <c r="U64" s="72"/>
      <c r="V64" s="5" t="s">
        <v>37</v>
      </c>
      <c r="W64" s="72" t="s">
        <v>308</v>
      </c>
    </row>
    <row r="65" spans="1:23" s="4" customFormat="1" ht="19.899999999999999" customHeight="1">
      <c r="A65" s="1">
        <v>345330001</v>
      </c>
      <c r="B65" s="7" t="s">
        <v>315</v>
      </c>
      <c r="C65" s="3" t="s">
        <v>316</v>
      </c>
      <c r="D65" s="4" t="s">
        <v>135</v>
      </c>
      <c r="E65" s="7" t="s">
        <v>303</v>
      </c>
      <c r="F65" s="7" t="s">
        <v>317</v>
      </c>
      <c r="G65" s="7" t="s">
        <v>318</v>
      </c>
      <c r="H65" s="77"/>
      <c r="I65" s="77"/>
      <c r="J65" s="77" t="s">
        <v>138</v>
      </c>
      <c r="K65" s="78" t="s">
        <v>306</v>
      </c>
      <c r="L65" s="77"/>
      <c r="M65" s="77"/>
      <c r="N65" s="77" t="s">
        <v>296</v>
      </c>
      <c r="O65" s="77" t="s">
        <v>312</v>
      </c>
      <c r="P65" s="77">
        <v>800</v>
      </c>
      <c r="Q65" s="79">
        <v>1390</v>
      </c>
      <c r="R65" s="80" t="s">
        <v>36</v>
      </c>
      <c r="S65" s="77"/>
      <c r="T65" s="77" t="s">
        <v>76</v>
      </c>
      <c r="U65" s="77"/>
      <c r="V65" s="5" t="s">
        <v>37</v>
      </c>
      <c r="W65" s="77" t="s">
        <v>319</v>
      </c>
    </row>
    <row r="66" spans="1:23" s="4" customFormat="1" ht="19.899999999999999" customHeight="1">
      <c r="A66" s="1">
        <v>345330002</v>
      </c>
      <c r="B66" s="2" t="s">
        <v>315</v>
      </c>
      <c r="C66" s="3" t="s">
        <v>320</v>
      </c>
      <c r="D66" s="4" t="s">
        <v>135</v>
      </c>
      <c r="E66" s="2" t="s">
        <v>303</v>
      </c>
      <c r="F66" s="2" t="s">
        <v>321</v>
      </c>
      <c r="G66" s="2" t="s">
        <v>322</v>
      </c>
      <c r="H66" s="72"/>
      <c r="I66" s="72"/>
      <c r="J66" s="72" t="s">
        <v>138</v>
      </c>
      <c r="K66" s="73" t="s">
        <v>306</v>
      </c>
      <c r="L66" s="72"/>
      <c r="M66" s="72"/>
      <c r="N66" s="72" t="s">
        <v>296</v>
      </c>
      <c r="O66" s="72" t="s">
        <v>312</v>
      </c>
      <c r="P66" s="72">
        <v>350</v>
      </c>
      <c r="Q66" s="81">
        <v>690</v>
      </c>
      <c r="R66" s="74" t="s">
        <v>36</v>
      </c>
      <c r="S66" s="72"/>
      <c r="T66" s="72" t="s">
        <v>76</v>
      </c>
      <c r="U66" s="72"/>
      <c r="V66" s="5" t="s">
        <v>37</v>
      </c>
      <c r="W66" s="72" t="s">
        <v>319</v>
      </c>
    </row>
    <row r="67" spans="1:23" s="4" customFormat="1" ht="19.899999999999999" customHeight="1">
      <c r="A67" s="1">
        <v>345330003</v>
      </c>
      <c r="B67" s="2" t="s">
        <v>315</v>
      </c>
      <c r="C67" s="3" t="s">
        <v>323</v>
      </c>
      <c r="D67" s="4" t="s">
        <v>135</v>
      </c>
      <c r="E67" s="2" t="s">
        <v>303</v>
      </c>
      <c r="F67" s="2" t="s">
        <v>321</v>
      </c>
      <c r="G67" s="2" t="s">
        <v>324</v>
      </c>
      <c r="H67" s="72"/>
      <c r="I67" s="72"/>
      <c r="J67" s="72" t="s">
        <v>138</v>
      </c>
      <c r="K67" s="73" t="s">
        <v>306</v>
      </c>
      <c r="L67" s="72"/>
      <c r="M67" s="72"/>
      <c r="N67" s="72" t="s">
        <v>296</v>
      </c>
      <c r="O67" s="72" t="s">
        <v>312</v>
      </c>
      <c r="P67" s="72">
        <v>400</v>
      </c>
      <c r="Q67" s="72">
        <v>850</v>
      </c>
      <c r="R67" s="74" t="s">
        <v>36</v>
      </c>
      <c r="S67" s="72"/>
      <c r="T67" s="72" t="s">
        <v>76</v>
      </c>
      <c r="U67" s="72"/>
      <c r="V67" s="5" t="s">
        <v>37</v>
      </c>
      <c r="W67" s="72" t="s">
        <v>319</v>
      </c>
    </row>
    <row r="68" spans="1:23" s="4" customFormat="1" ht="19.899999999999999" customHeight="1">
      <c r="A68" s="1">
        <v>345330004</v>
      </c>
      <c r="B68" s="2" t="s">
        <v>315</v>
      </c>
      <c r="C68" s="3" t="s">
        <v>325</v>
      </c>
      <c r="D68" s="4" t="s">
        <v>135</v>
      </c>
      <c r="E68" s="2" t="s">
        <v>303</v>
      </c>
      <c r="F68" s="2" t="s">
        <v>321</v>
      </c>
      <c r="G68" s="2" t="s">
        <v>326</v>
      </c>
      <c r="H68" s="72"/>
      <c r="I68" s="72"/>
      <c r="J68" s="72" t="s">
        <v>138</v>
      </c>
      <c r="K68" s="73" t="s">
        <v>306</v>
      </c>
      <c r="L68" s="72"/>
      <c r="M68" s="72"/>
      <c r="N68" s="72" t="s">
        <v>296</v>
      </c>
      <c r="O68" s="72" t="s">
        <v>312</v>
      </c>
      <c r="P68" s="81">
        <v>1300</v>
      </c>
      <c r="Q68" s="81">
        <v>2500</v>
      </c>
      <c r="R68" s="74" t="s">
        <v>36</v>
      </c>
      <c r="S68" s="72"/>
      <c r="T68" s="72" t="s">
        <v>76</v>
      </c>
      <c r="U68" s="72"/>
      <c r="V68" s="5" t="s">
        <v>37</v>
      </c>
      <c r="W68" s="72" t="s">
        <v>319</v>
      </c>
    </row>
    <row r="69" spans="1:23" s="4" customFormat="1" ht="19.899999999999999" customHeight="1">
      <c r="A69" s="1">
        <v>345330005</v>
      </c>
      <c r="B69" s="2" t="s">
        <v>315</v>
      </c>
      <c r="C69" s="3" t="s">
        <v>327</v>
      </c>
      <c r="D69" s="4" t="s">
        <v>135</v>
      </c>
      <c r="E69" s="2" t="s">
        <v>303</v>
      </c>
      <c r="F69" s="2" t="s">
        <v>321</v>
      </c>
      <c r="G69" s="2" t="s">
        <v>328</v>
      </c>
      <c r="H69" s="72"/>
      <c r="I69" s="72"/>
      <c r="J69" s="72" t="s">
        <v>138</v>
      </c>
      <c r="K69" s="73" t="s">
        <v>306</v>
      </c>
      <c r="L69" s="72"/>
      <c r="M69" s="72"/>
      <c r="N69" s="72" t="s">
        <v>296</v>
      </c>
      <c r="O69" s="72" t="s">
        <v>312</v>
      </c>
      <c r="P69" s="81">
        <v>1300</v>
      </c>
      <c r="Q69" s="81">
        <v>2500</v>
      </c>
      <c r="R69" s="74" t="s">
        <v>36</v>
      </c>
      <c r="S69" s="72"/>
      <c r="T69" s="72" t="s">
        <v>76</v>
      </c>
      <c r="U69" s="72"/>
      <c r="V69" s="5" t="s">
        <v>37</v>
      </c>
      <c r="W69" s="72" t="s">
        <v>319</v>
      </c>
    </row>
    <row r="70" spans="1:23" s="4" customFormat="1" ht="19.899999999999999" customHeight="1">
      <c r="A70" s="1">
        <v>550330051</v>
      </c>
      <c r="B70" s="2" t="s">
        <v>329</v>
      </c>
      <c r="C70" s="3" t="s">
        <v>330</v>
      </c>
      <c r="D70" s="4" t="s">
        <v>135</v>
      </c>
      <c r="E70" s="2" t="s">
        <v>303</v>
      </c>
      <c r="F70" s="2" t="s">
        <v>331</v>
      </c>
      <c r="G70" s="2" t="s">
        <v>332</v>
      </c>
      <c r="H70" s="72"/>
      <c r="I70" s="72"/>
      <c r="J70" s="72" t="s">
        <v>138</v>
      </c>
      <c r="K70" s="73" t="s">
        <v>306</v>
      </c>
      <c r="L70" s="72"/>
      <c r="M70" s="72"/>
      <c r="N70" s="72" t="s">
        <v>296</v>
      </c>
      <c r="O70" s="72" t="s">
        <v>312</v>
      </c>
      <c r="P70" s="72">
        <v>850</v>
      </c>
      <c r="Q70" s="81">
        <v>1390</v>
      </c>
      <c r="R70" s="74" t="s">
        <v>36</v>
      </c>
      <c r="S70" s="72"/>
      <c r="T70" s="72" t="s">
        <v>76</v>
      </c>
      <c r="U70" s="72"/>
      <c r="V70" s="5" t="s">
        <v>37</v>
      </c>
      <c r="W70" s="72" t="s">
        <v>333</v>
      </c>
    </row>
    <row r="71" spans="1:23" s="4" customFormat="1" ht="19.899999999999999" customHeight="1">
      <c r="A71" s="1">
        <v>550330052</v>
      </c>
      <c r="B71" s="2" t="s">
        <v>329</v>
      </c>
      <c r="C71" s="3" t="s">
        <v>334</v>
      </c>
      <c r="D71" s="4" t="s">
        <v>135</v>
      </c>
      <c r="E71" s="2" t="s">
        <v>303</v>
      </c>
      <c r="F71" s="2" t="s">
        <v>304</v>
      </c>
      <c r="G71" s="2" t="s">
        <v>335</v>
      </c>
      <c r="H71" s="72"/>
      <c r="I71" s="72"/>
      <c r="J71" s="72" t="s">
        <v>138</v>
      </c>
      <c r="K71" s="73" t="s">
        <v>306</v>
      </c>
      <c r="L71" s="72"/>
      <c r="M71" s="72"/>
      <c r="N71" s="72" t="s">
        <v>296</v>
      </c>
      <c r="O71" s="72" t="s">
        <v>312</v>
      </c>
      <c r="P71" s="72">
        <v>850</v>
      </c>
      <c r="Q71" s="72">
        <v>990</v>
      </c>
      <c r="R71" s="74" t="s">
        <v>36</v>
      </c>
      <c r="S71" s="72"/>
      <c r="T71" s="72" t="s">
        <v>76</v>
      </c>
      <c r="U71" s="72"/>
      <c r="V71" s="5" t="s">
        <v>37</v>
      </c>
      <c r="W71" s="72" t="s">
        <v>333</v>
      </c>
    </row>
    <row r="72" spans="1:23" s="4" customFormat="1" ht="19.899999999999999" customHeight="1">
      <c r="A72" s="1">
        <v>550330053</v>
      </c>
      <c r="B72" s="2" t="s">
        <v>329</v>
      </c>
      <c r="C72" s="3" t="s">
        <v>336</v>
      </c>
      <c r="D72" s="4" t="s">
        <v>135</v>
      </c>
      <c r="E72" s="2" t="s">
        <v>303</v>
      </c>
      <c r="F72" s="2" t="s">
        <v>331</v>
      </c>
      <c r="G72" s="2" t="s">
        <v>337</v>
      </c>
      <c r="H72" s="72"/>
      <c r="I72" s="72"/>
      <c r="J72" s="72" t="s">
        <v>138</v>
      </c>
      <c r="K72" s="73" t="s">
        <v>306</v>
      </c>
      <c r="L72" s="72"/>
      <c r="M72" s="72"/>
      <c r="N72" s="72" t="s">
        <v>296</v>
      </c>
      <c r="O72" s="72" t="s">
        <v>312</v>
      </c>
      <c r="P72" s="72">
        <v>850</v>
      </c>
      <c r="Q72" s="81">
        <v>1390</v>
      </c>
      <c r="R72" s="74" t="s">
        <v>36</v>
      </c>
      <c r="S72" s="72"/>
      <c r="T72" s="72" t="s">
        <v>76</v>
      </c>
      <c r="U72" s="72"/>
      <c r="V72" s="5" t="s">
        <v>37</v>
      </c>
      <c r="W72" s="72" t="s">
        <v>333</v>
      </c>
    </row>
    <row r="73" spans="1:23" s="4" customFormat="1" ht="19.899999999999999" customHeight="1">
      <c r="A73" s="1">
        <v>550330054</v>
      </c>
      <c r="B73" s="2" t="s">
        <v>329</v>
      </c>
      <c r="C73" s="3" t="s">
        <v>338</v>
      </c>
      <c r="D73" s="4" t="s">
        <v>135</v>
      </c>
      <c r="E73" s="2" t="s">
        <v>303</v>
      </c>
      <c r="F73" s="2" t="s">
        <v>331</v>
      </c>
      <c r="G73" s="2" t="s">
        <v>339</v>
      </c>
      <c r="H73" s="72"/>
      <c r="I73" s="72"/>
      <c r="J73" s="72" t="s">
        <v>138</v>
      </c>
      <c r="K73" s="73" t="s">
        <v>306</v>
      </c>
      <c r="L73" s="72"/>
      <c r="M73" s="72"/>
      <c r="N73" s="72" t="s">
        <v>296</v>
      </c>
      <c r="O73" s="72" t="s">
        <v>312</v>
      </c>
      <c r="P73" s="72">
        <v>700</v>
      </c>
      <c r="Q73" s="81">
        <v>1200</v>
      </c>
      <c r="R73" s="74" t="s">
        <v>36</v>
      </c>
      <c r="S73" s="72"/>
      <c r="T73" s="72" t="s">
        <v>76</v>
      </c>
      <c r="U73" s="72"/>
      <c r="V73" s="5" t="s">
        <v>37</v>
      </c>
      <c r="W73" s="72" t="s">
        <v>333</v>
      </c>
    </row>
    <row r="74" spans="1:23" s="4" customFormat="1" ht="19.899999999999999" customHeight="1">
      <c r="A74" s="1">
        <v>880330023</v>
      </c>
      <c r="B74" s="2"/>
      <c r="C74" s="3" t="s">
        <v>340</v>
      </c>
      <c r="D74" s="4" t="s">
        <v>135</v>
      </c>
      <c r="E74" s="2" t="s">
        <v>27</v>
      </c>
      <c r="F74" s="2" t="s">
        <v>341</v>
      </c>
      <c r="G74" s="2" t="s">
        <v>342</v>
      </c>
      <c r="H74" s="72"/>
      <c r="I74" s="72"/>
      <c r="J74" s="72" t="s">
        <v>108</v>
      </c>
      <c r="K74" s="73" t="s">
        <v>278</v>
      </c>
      <c r="L74" s="72"/>
      <c r="M74" s="72"/>
      <c r="N74" s="72" t="s">
        <v>296</v>
      </c>
      <c r="O74" s="72" t="s">
        <v>312</v>
      </c>
      <c r="P74" s="72">
        <v>600</v>
      </c>
      <c r="Q74" s="72">
        <v>850</v>
      </c>
      <c r="R74" s="72" t="s">
        <v>90</v>
      </c>
      <c r="S74" s="72"/>
      <c r="T74" s="72" t="s">
        <v>76</v>
      </c>
      <c r="U74" s="72"/>
      <c r="V74" s="5" t="s">
        <v>37</v>
      </c>
      <c r="W74" s="72" t="s">
        <v>343</v>
      </c>
    </row>
    <row r="75" spans="1:23" s="4" customFormat="1" ht="19.899999999999999" customHeight="1">
      <c r="A75" s="1">
        <v>880330024</v>
      </c>
      <c r="B75" s="2"/>
      <c r="C75" s="3" t="s">
        <v>344</v>
      </c>
      <c r="D75" s="4" t="s">
        <v>135</v>
      </c>
      <c r="E75" s="2" t="s">
        <v>27</v>
      </c>
      <c r="F75" s="2" t="s">
        <v>345</v>
      </c>
      <c r="G75" s="2" t="s">
        <v>346</v>
      </c>
      <c r="H75" s="72"/>
      <c r="I75" s="72"/>
      <c r="J75" s="72" t="s">
        <v>108</v>
      </c>
      <c r="K75" s="73" t="s">
        <v>278</v>
      </c>
      <c r="L75" s="72"/>
      <c r="M75" s="72"/>
      <c r="N75" s="72" t="s">
        <v>296</v>
      </c>
      <c r="O75" s="72" t="s">
        <v>312</v>
      </c>
      <c r="P75" s="72">
        <v>180</v>
      </c>
      <c r="Q75" s="72">
        <v>270</v>
      </c>
      <c r="R75" s="72" t="s">
        <v>90</v>
      </c>
      <c r="S75" s="72"/>
      <c r="T75" s="72" t="s">
        <v>76</v>
      </c>
      <c r="U75" s="72"/>
      <c r="V75" s="5" t="s">
        <v>37</v>
      </c>
      <c r="W75" s="72" t="s">
        <v>343</v>
      </c>
    </row>
    <row r="76" spans="1:23" s="4" customFormat="1" ht="19.899999999999999" customHeight="1">
      <c r="A76" s="1">
        <v>880330025</v>
      </c>
      <c r="B76" s="2"/>
      <c r="C76" s="3" t="s">
        <v>347</v>
      </c>
      <c r="D76" s="4" t="s">
        <v>135</v>
      </c>
      <c r="E76" s="2" t="s">
        <v>27</v>
      </c>
      <c r="F76" s="2" t="s">
        <v>341</v>
      </c>
      <c r="G76" s="2" t="s">
        <v>348</v>
      </c>
      <c r="H76" s="72"/>
      <c r="I76" s="72"/>
      <c r="J76" s="72" t="s">
        <v>108</v>
      </c>
      <c r="K76" s="73" t="s">
        <v>278</v>
      </c>
      <c r="L76" s="72"/>
      <c r="M76" s="72"/>
      <c r="N76" s="72" t="s">
        <v>296</v>
      </c>
      <c r="O76" s="72" t="s">
        <v>312</v>
      </c>
      <c r="P76" s="72">
        <v>400</v>
      </c>
      <c r="Q76" s="72">
        <v>650</v>
      </c>
      <c r="R76" s="72" t="s">
        <v>90</v>
      </c>
      <c r="S76" s="72"/>
      <c r="T76" s="72" t="s">
        <v>76</v>
      </c>
      <c r="U76" s="72"/>
      <c r="V76" s="5" t="s">
        <v>37</v>
      </c>
      <c r="W76" s="72" t="s">
        <v>343</v>
      </c>
    </row>
    <row r="77" spans="1:23" s="4" customFormat="1" ht="19.899999999999999" customHeight="1">
      <c r="A77" s="1">
        <v>880330026</v>
      </c>
      <c r="B77" s="2"/>
      <c r="C77" s="3" t="s">
        <v>349</v>
      </c>
      <c r="D77" s="4" t="s">
        <v>135</v>
      </c>
      <c r="E77" s="2" t="s">
        <v>27</v>
      </c>
      <c r="F77" s="2" t="s">
        <v>350</v>
      </c>
      <c r="G77" s="2" t="s">
        <v>351</v>
      </c>
      <c r="H77" s="72"/>
      <c r="I77" s="72"/>
      <c r="J77" s="72" t="s">
        <v>108</v>
      </c>
      <c r="K77" s="73" t="s">
        <v>278</v>
      </c>
      <c r="L77" s="72"/>
      <c r="M77" s="72"/>
      <c r="N77" s="72" t="s">
        <v>296</v>
      </c>
      <c r="O77" s="72" t="s">
        <v>312</v>
      </c>
      <c r="P77" s="72">
        <v>140</v>
      </c>
      <c r="Q77" s="72">
        <v>230</v>
      </c>
      <c r="R77" s="72" t="s">
        <v>90</v>
      </c>
      <c r="S77" s="72"/>
      <c r="T77" s="72" t="s">
        <v>76</v>
      </c>
      <c r="U77" s="72"/>
      <c r="V77" s="5" t="s">
        <v>37</v>
      </c>
      <c r="W77" s="72" t="s">
        <v>343</v>
      </c>
    </row>
    <row r="78" spans="1:23" s="4" customFormat="1" ht="19.899999999999999" customHeight="1">
      <c r="A78" s="1">
        <v>880340027</v>
      </c>
      <c r="B78" s="2"/>
      <c r="C78" s="3" t="s">
        <v>352</v>
      </c>
      <c r="D78" s="4" t="s">
        <v>137</v>
      </c>
      <c r="E78" s="2" t="s">
        <v>27</v>
      </c>
      <c r="F78" s="2" t="s">
        <v>353</v>
      </c>
      <c r="G78" s="2"/>
      <c r="H78" s="72"/>
      <c r="I78" s="72"/>
      <c r="J78" s="72" t="s">
        <v>108</v>
      </c>
      <c r="K78" s="73" t="s">
        <v>278</v>
      </c>
      <c r="L78" s="72"/>
      <c r="M78" s="72"/>
      <c r="N78" s="72" t="s">
        <v>296</v>
      </c>
      <c r="O78" s="72" t="s">
        <v>312</v>
      </c>
      <c r="P78" s="72">
        <v>45</v>
      </c>
      <c r="Q78" s="72">
        <v>70</v>
      </c>
      <c r="R78" s="72" t="s">
        <v>90</v>
      </c>
      <c r="S78" s="72"/>
      <c r="T78" s="72" t="s">
        <v>76</v>
      </c>
      <c r="U78" s="72"/>
      <c r="V78" s="5" t="s">
        <v>37</v>
      </c>
      <c r="W78" s="72" t="s">
        <v>343</v>
      </c>
    </row>
    <row r="79" spans="1:23" s="4" customFormat="1" ht="19.899999999999999" customHeight="1">
      <c r="A79" s="1">
        <v>438330005</v>
      </c>
      <c r="B79" s="2" t="s">
        <v>354</v>
      </c>
      <c r="C79" s="3" t="s">
        <v>355</v>
      </c>
      <c r="D79" s="4" t="s">
        <v>135</v>
      </c>
      <c r="E79" s="2" t="s">
        <v>303</v>
      </c>
      <c r="F79" s="2" t="s">
        <v>356</v>
      </c>
      <c r="G79" s="2" t="s">
        <v>357</v>
      </c>
      <c r="H79" s="72"/>
      <c r="I79" s="72"/>
      <c r="J79" s="72" t="s">
        <v>138</v>
      </c>
      <c r="K79" s="73" t="s">
        <v>358</v>
      </c>
      <c r="L79" s="72"/>
      <c r="M79" s="72"/>
      <c r="N79" s="72" t="s">
        <v>296</v>
      </c>
      <c r="O79" s="72" t="s">
        <v>312</v>
      </c>
      <c r="P79" s="72">
        <v>500</v>
      </c>
      <c r="Q79" s="72">
        <v>750</v>
      </c>
      <c r="R79" s="74" t="s">
        <v>36</v>
      </c>
      <c r="S79" s="72"/>
      <c r="T79" s="72" t="s">
        <v>76</v>
      </c>
      <c r="U79" s="72"/>
      <c r="V79" s="5" t="s">
        <v>37</v>
      </c>
      <c r="W79" s="72" t="s">
        <v>359</v>
      </c>
    </row>
    <row r="80" spans="1:23" s="4" customFormat="1" ht="19.899999999999999" customHeight="1">
      <c r="A80" s="1">
        <v>438330005</v>
      </c>
      <c r="B80" s="2" t="s">
        <v>354</v>
      </c>
      <c r="C80" s="3" t="s">
        <v>355</v>
      </c>
      <c r="D80" s="4" t="s">
        <v>135</v>
      </c>
      <c r="E80" s="2" t="s">
        <v>303</v>
      </c>
      <c r="F80" s="2" t="s">
        <v>356</v>
      </c>
      <c r="G80" s="2" t="s">
        <v>360</v>
      </c>
      <c r="H80" s="72"/>
      <c r="I80" s="72"/>
      <c r="J80" s="72" t="s">
        <v>138</v>
      </c>
      <c r="K80" s="73" t="s">
        <v>358</v>
      </c>
      <c r="L80" s="72"/>
      <c r="M80" s="72"/>
      <c r="N80" s="72" t="s">
        <v>296</v>
      </c>
      <c r="O80" s="72" t="s">
        <v>312</v>
      </c>
      <c r="P80" s="72">
        <v>500</v>
      </c>
      <c r="Q80" s="72">
        <v>750</v>
      </c>
      <c r="R80" s="74" t="s">
        <v>36</v>
      </c>
      <c r="S80" s="72"/>
      <c r="T80" s="72" t="s">
        <v>76</v>
      </c>
      <c r="U80" s="72"/>
      <c r="V80" s="5" t="s">
        <v>37</v>
      </c>
      <c r="W80" s="72" t="s">
        <v>359</v>
      </c>
    </row>
    <row r="81" spans="1:23" s="4" customFormat="1" ht="19.899999999999999" customHeight="1">
      <c r="A81" s="1">
        <v>438330006</v>
      </c>
      <c r="B81" s="2" t="s">
        <v>354</v>
      </c>
      <c r="C81" s="3" t="s">
        <v>361</v>
      </c>
      <c r="D81" s="4" t="s">
        <v>135</v>
      </c>
      <c r="E81" s="2" t="s">
        <v>303</v>
      </c>
      <c r="F81" s="2" t="s">
        <v>362</v>
      </c>
      <c r="G81" s="2" t="s">
        <v>363</v>
      </c>
      <c r="H81" s="72"/>
      <c r="I81" s="72"/>
      <c r="J81" s="72" t="s">
        <v>138</v>
      </c>
      <c r="K81" s="73" t="s">
        <v>358</v>
      </c>
      <c r="L81" s="72"/>
      <c r="M81" s="72"/>
      <c r="N81" s="72" t="s">
        <v>296</v>
      </c>
      <c r="O81" s="72" t="s">
        <v>312</v>
      </c>
      <c r="P81" s="81">
        <v>1200</v>
      </c>
      <c r="Q81" s="81">
        <v>1890</v>
      </c>
      <c r="R81" s="74" t="s">
        <v>36</v>
      </c>
      <c r="S81" s="72"/>
      <c r="T81" s="72" t="s">
        <v>76</v>
      </c>
      <c r="U81" s="72"/>
      <c r="V81" s="5" t="s">
        <v>37</v>
      </c>
      <c r="W81" s="72" t="s">
        <v>359</v>
      </c>
    </row>
    <row r="82" spans="1:23" s="4" customFormat="1" ht="19.899999999999999" customHeight="1">
      <c r="A82" s="1">
        <v>438330006</v>
      </c>
      <c r="B82" s="2" t="s">
        <v>354</v>
      </c>
      <c r="C82" s="3" t="s">
        <v>361</v>
      </c>
      <c r="D82" s="4" t="s">
        <v>135</v>
      </c>
      <c r="E82" s="2" t="s">
        <v>303</v>
      </c>
      <c r="F82" s="2" t="s">
        <v>362</v>
      </c>
      <c r="G82" s="2" t="s">
        <v>363</v>
      </c>
      <c r="H82" s="72"/>
      <c r="I82" s="72"/>
      <c r="J82" s="72" t="s">
        <v>138</v>
      </c>
      <c r="K82" s="73" t="s">
        <v>358</v>
      </c>
      <c r="L82" s="72"/>
      <c r="M82" s="72"/>
      <c r="N82" s="72" t="s">
        <v>296</v>
      </c>
      <c r="O82" s="72" t="s">
        <v>312</v>
      </c>
      <c r="P82" s="81">
        <v>1200</v>
      </c>
      <c r="Q82" s="81">
        <v>1890</v>
      </c>
      <c r="R82" s="72" t="s">
        <v>36</v>
      </c>
      <c r="S82" s="72"/>
      <c r="T82" s="72" t="s">
        <v>76</v>
      </c>
      <c r="U82" s="72"/>
      <c r="V82" s="5" t="s">
        <v>37</v>
      </c>
      <c r="W82" s="72" t="s">
        <v>359</v>
      </c>
    </row>
    <row r="83" spans="1:23" s="4" customFormat="1" ht="19.899999999999999" customHeight="1">
      <c r="A83" s="1">
        <v>438330007</v>
      </c>
      <c r="B83" s="2" t="s">
        <v>354</v>
      </c>
      <c r="C83" s="3" t="s">
        <v>364</v>
      </c>
      <c r="D83" s="4" t="s">
        <v>135</v>
      </c>
      <c r="E83" s="2" t="s">
        <v>303</v>
      </c>
      <c r="F83" s="2" t="s">
        <v>362</v>
      </c>
      <c r="G83" s="8" t="s">
        <v>365</v>
      </c>
      <c r="H83" s="72"/>
      <c r="I83" s="72"/>
      <c r="J83" s="72" t="s">
        <v>138</v>
      </c>
      <c r="K83" s="73" t="s">
        <v>358</v>
      </c>
      <c r="L83" s="72"/>
      <c r="M83" s="72"/>
      <c r="N83" s="72" t="s">
        <v>296</v>
      </c>
      <c r="O83" s="72" t="s">
        <v>312</v>
      </c>
      <c r="P83" s="72">
        <v>900</v>
      </c>
      <c r="Q83" s="81" t="s">
        <v>366</v>
      </c>
      <c r="R83" s="72" t="s">
        <v>36</v>
      </c>
      <c r="S83" s="72"/>
      <c r="T83" s="72" t="s">
        <v>76</v>
      </c>
      <c r="U83" s="72"/>
      <c r="V83" s="5" t="s">
        <v>37</v>
      </c>
      <c r="W83" s="72" t="s">
        <v>359</v>
      </c>
    </row>
    <row r="84" spans="1:23" s="4" customFormat="1" ht="19.899999999999999" customHeight="1">
      <c r="A84" s="1">
        <v>438330007</v>
      </c>
      <c r="B84" s="2" t="s">
        <v>354</v>
      </c>
      <c r="C84" s="3" t="s">
        <v>364</v>
      </c>
      <c r="D84" s="4" t="s">
        <v>135</v>
      </c>
      <c r="E84" s="2" t="s">
        <v>303</v>
      </c>
      <c r="F84" s="2" t="s">
        <v>362</v>
      </c>
      <c r="G84" s="8" t="s">
        <v>367</v>
      </c>
      <c r="H84" s="72"/>
      <c r="I84" s="72"/>
      <c r="J84" s="72" t="s">
        <v>138</v>
      </c>
      <c r="K84" s="73" t="s">
        <v>358</v>
      </c>
      <c r="L84" s="72"/>
      <c r="M84" s="72"/>
      <c r="N84" s="72" t="s">
        <v>296</v>
      </c>
      <c r="O84" s="72" t="s">
        <v>312</v>
      </c>
      <c r="P84" s="72">
        <v>900</v>
      </c>
      <c r="Q84" s="81" t="s">
        <v>366</v>
      </c>
      <c r="R84" s="72" t="s">
        <v>36</v>
      </c>
      <c r="S84" s="72"/>
      <c r="T84" s="72" t="s">
        <v>76</v>
      </c>
      <c r="U84" s="72"/>
      <c r="V84" s="5" t="s">
        <v>37</v>
      </c>
      <c r="W84" s="72" t="s">
        <v>359</v>
      </c>
    </row>
    <row r="85" spans="1:23" s="4" customFormat="1" ht="19.899999999999999" customHeight="1">
      <c r="A85" s="1">
        <v>438330008</v>
      </c>
      <c r="B85" s="2" t="s">
        <v>354</v>
      </c>
      <c r="C85" s="3" t="s">
        <v>368</v>
      </c>
      <c r="D85" s="4" t="s">
        <v>135</v>
      </c>
      <c r="E85" s="2" t="s">
        <v>303</v>
      </c>
      <c r="F85" s="2" t="s">
        <v>362</v>
      </c>
      <c r="G85" s="2" t="s">
        <v>369</v>
      </c>
      <c r="H85" s="72"/>
      <c r="I85" s="72"/>
      <c r="J85" s="72" t="s">
        <v>138</v>
      </c>
      <c r="K85" s="73" t="s">
        <v>358</v>
      </c>
      <c r="L85" s="72"/>
      <c r="M85" s="72"/>
      <c r="N85" s="72" t="s">
        <v>296</v>
      </c>
      <c r="O85" s="72" t="s">
        <v>312</v>
      </c>
      <c r="P85" s="81">
        <v>1100</v>
      </c>
      <c r="Q85" s="81">
        <v>1600</v>
      </c>
      <c r="R85" s="72" t="s">
        <v>36</v>
      </c>
      <c r="S85" s="72"/>
      <c r="T85" s="72" t="s">
        <v>76</v>
      </c>
      <c r="U85" s="72"/>
      <c r="V85" s="5" t="s">
        <v>37</v>
      </c>
      <c r="W85" s="72" t="s">
        <v>359</v>
      </c>
    </row>
    <row r="86" spans="1:23" s="4" customFormat="1" ht="19.899999999999999" customHeight="1">
      <c r="A86" s="1">
        <v>438330009</v>
      </c>
      <c r="B86" s="2" t="s">
        <v>354</v>
      </c>
      <c r="C86" s="3" t="s">
        <v>370</v>
      </c>
      <c r="D86" s="4" t="s">
        <v>135</v>
      </c>
      <c r="E86" s="2" t="s">
        <v>303</v>
      </c>
      <c r="F86" s="2" t="s">
        <v>362</v>
      </c>
      <c r="G86" s="8" t="s">
        <v>371</v>
      </c>
      <c r="H86" s="72"/>
      <c r="I86" s="72"/>
      <c r="J86" s="72" t="s">
        <v>138</v>
      </c>
      <c r="K86" s="73" t="s">
        <v>358</v>
      </c>
      <c r="L86" s="72"/>
      <c r="M86" s="72"/>
      <c r="N86" s="72" t="s">
        <v>296</v>
      </c>
      <c r="O86" s="72" t="s">
        <v>312</v>
      </c>
      <c r="P86" s="81">
        <v>1500</v>
      </c>
      <c r="Q86" s="81">
        <v>2300</v>
      </c>
      <c r="R86" s="72" t="s">
        <v>36</v>
      </c>
      <c r="S86" s="72"/>
      <c r="T86" s="72" t="s">
        <v>76</v>
      </c>
      <c r="U86" s="72"/>
      <c r="V86" s="5" t="s">
        <v>37</v>
      </c>
      <c r="W86" s="72" t="s">
        <v>359</v>
      </c>
    </row>
    <row r="87" spans="1:23" s="4" customFormat="1" ht="19.899999999999999" customHeight="1">
      <c r="A87" s="1">
        <v>438330009</v>
      </c>
      <c r="B87" s="2" t="s">
        <v>354</v>
      </c>
      <c r="C87" s="3" t="s">
        <v>370</v>
      </c>
      <c r="D87" s="4" t="s">
        <v>135</v>
      </c>
      <c r="E87" s="2" t="s">
        <v>303</v>
      </c>
      <c r="F87" s="2" t="s">
        <v>362</v>
      </c>
      <c r="G87" s="8" t="s">
        <v>372</v>
      </c>
      <c r="H87" s="72"/>
      <c r="I87" s="72"/>
      <c r="J87" s="72" t="s">
        <v>138</v>
      </c>
      <c r="K87" s="73" t="s">
        <v>358</v>
      </c>
      <c r="L87" s="72"/>
      <c r="M87" s="72"/>
      <c r="N87" s="72" t="s">
        <v>296</v>
      </c>
      <c r="O87" s="72" t="s">
        <v>312</v>
      </c>
      <c r="P87" s="81">
        <v>1500</v>
      </c>
      <c r="Q87" s="81">
        <v>2300</v>
      </c>
      <c r="R87" s="72" t="s">
        <v>36</v>
      </c>
      <c r="S87" s="72"/>
      <c r="T87" s="72" t="s">
        <v>76</v>
      </c>
      <c r="U87" s="72"/>
      <c r="V87" s="5" t="s">
        <v>37</v>
      </c>
      <c r="W87" s="72" t="s">
        <v>359</v>
      </c>
    </row>
    <row r="88" spans="1:23" s="4" customFormat="1" ht="19.899999999999999" customHeight="1">
      <c r="A88" s="1">
        <v>438330010</v>
      </c>
      <c r="B88" s="2" t="s">
        <v>354</v>
      </c>
      <c r="C88" s="3" t="s">
        <v>373</v>
      </c>
      <c r="D88" s="4" t="s">
        <v>135</v>
      </c>
      <c r="E88" s="2" t="s">
        <v>303</v>
      </c>
      <c r="F88" s="2" t="s">
        <v>362</v>
      </c>
      <c r="G88" s="2" t="s">
        <v>374</v>
      </c>
      <c r="H88" s="72"/>
      <c r="I88" s="72"/>
      <c r="J88" s="72" t="s">
        <v>138</v>
      </c>
      <c r="K88" s="73" t="s">
        <v>358</v>
      </c>
      <c r="L88" s="72"/>
      <c r="M88" s="72"/>
      <c r="N88" s="72" t="s">
        <v>296</v>
      </c>
      <c r="O88" s="72" t="s">
        <v>312</v>
      </c>
      <c r="P88" s="81">
        <v>1100</v>
      </c>
      <c r="Q88" s="81">
        <v>1620</v>
      </c>
      <c r="R88" s="72" t="s">
        <v>36</v>
      </c>
      <c r="S88" s="72"/>
      <c r="T88" s="72" t="s">
        <v>76</v>
      </c>
      <c r="U88" s="72"/>
      <c r="V88" s="5" t="s">
        <v>37</v>
      </c>
      <c r="W88" s="72" t="s">
        <v>359</v>
      </c>
    </row>
    <row r="89" spans="1:23" s="4" customFormat="1" ht="19.899999999999999" customHeight="1">
      <c r="A89" s="1">
        <v>438330011</v>
      </c>
      <c r="B89" s="2" t="s">
        <v>354</v>
      </c>
      <c r="C89" s="3" t="s">
        <v>375</v>
      </c>
      <c r="D89" s="4" t="s">
        <v>135</v>
      </c>
      <c r="E89" s="2" t="s">
        <v>303</v>
      </c>
      <c r="F89" s="2" t="s">
        <v>362</v>
      </c>
      <c r="G89" s="2" t="s">
        <v>376</v>
      </c>
      <c r="H89" s="72"/>
      <c r="I89" s="72"/>
      <c r="J89" s="72" t="s">
        <v>138</v>
      </c>
      <c r="K89" s="73" t="s">
        <v>358</v>
      </c>
      <c r="L89" s="72"/>
      <c r="M89" s="72"/>
      <c r="N89" s="72" t="s">
        <v>296</v>
      </c>
      <c r="O89" s="72" t="s">
        <v>312</v>
      </c>
      <c r="P89" s="72">
        <v>90</v>
      </c>
      <c r="Q89" s="81">
        <v>150</v>
      </c>
      <c r="R89" s="72" t="s">
        <v>36</v>
      </c>
      <c r="S89" s="72"/>
      <c r="T89" s="72" t="s">
        <v>76</v>
      </c>
      <c r="U89" s="72"/>
      <c r="V89" s="5" t="s">
        <v>37</v>
      </c>
      <c r="W89" s="72" t="s">
        <v>359</v>
      </c>
    </row>
    <row r="90" spans="1:23" s="4" customFormat="1" ht="19.899999999999999" customHeight="1">
      <c r="A90" s="1">
        <v>438330012</v>
      </c>
      <c r="B90" s="2" t="s">
        <v>354</v>
      </c>
      <c r="C90" s="3" t="s">
        <v>377</v>
      </c>
      <c r="D90" s="4" t="s">
        <v>135</v>
      </c>
      <c r="E90" s="2" t="s">
        <v>303</v>
      </c>
      <c r="F90" s="2" t="s">
        <v>362</v>
      </c>
      <c r="G90" s="2" t="s">
        <v>378</v>
      </c>
      <c r="H90" s="72"/>
      <c r="I90" s="72"/>
      <c r="J90" s="72" t="s">
        <v>138</v>
      </c>
      <c r="K90" s="73" t="s">
        <v>358</v>
      </c>
      <c r="L90" s="72"/>
      <c r="M90" s="72"/>
      <c r="N90" s="72" t="s">
        <v>296</v>
      </c>
      <c r="O90" s="72" t="s">
        <v>312</v>
      </c>
      <c r="P90" s="72">
        <v>70</v>
      </c>
      <c r="Q90" s="81">
        <v>130</v>
      </c>
      <c r="R90" s="72" t="s">
        <v>36</v>
      </c>
      <c r="S90" s="72"/>
      <c r="T90" s="72" t="s">
        <v>76</v>
      </c>
      <c r="U90" s="72"/>
      <c r="V90" s="5" t="s">
        <v>37</v>
      </c>
      <c r="W90" s="72" t="s">
        <v>359</v>
      </c>
    </row>
    <row r="91" spans="1:23" s="4" customFormat="1" ht="19.899999999999999" customHeight="1">
      <c r="A91" s="1">
        <v>438340013</v>
      </c>
      <c r="B91" s="2" t="s">
        <v>354</v>
      </c>
      <c r="C91" s="3" t="s">
        <v>379</v>
      </c>
      <c r="D91" s="4" t="s">
        <v>137</v>
      </c>
      <c r="E91" s="2" t="s">
        <v>303</v>
      </c>
      <c r="F91" s="2" t="s">
        <v>362</v>
      </c>
      <c r="G91" s="2"/>
      <c r="H91" s="72"/>
      <c r="I91" s="72"/>
      <c r="J91" s="72" t="s">
        <v>138</v>
      </c>
      <c r="K91" s="73" t="s">
        <v>358</v>
      </c>
      <c r="L91" s="72"/>
      <c r="M91" s="72"/>
      <c r="N91" s="72" t="s">
        <v>296</v>
      </c>
      <c r="O91" s="72" t="s">
        <v>312</v>
      </c>
      <c r="P91" s="72">
        <v>40</v>
      </c>
      <c r="Q91" s="81">
        <v>80</v>
      </c>
      <c r="R91" s="72" t="s">
        <v>36</v>
      </c>
      <c r="S91" s="72"/>
      <c r="T91" s="72" t="s">
        <v>76</v>
      </c>
      <c r="U91" s="72"/>
      <c r="V91" s="5" t="s">
        <v>37</v>
      </c>
      <c r="W91" s="72" t="s">
        <v>359</v>
      </c>
    </row>
    <row r="92" spans="1:23" s="4" customFormat="1" ht="19.899999999999999" customHeight="1">
      <c r="A92" s="1">
        <v>438340014</v>
      </c>
      <c r="B92" s="2" t="s">
        <v>354</v>
      </c>
      <c r="C92" s="3" t="s">
        <v>380</v>
      </c>
      <c r="D92" s="4" t="s">
        <v>137</v>
      </c>
      <c r="E92" s="2" t="s">
        <v>303</v>
      </c>
      <c r="F92" s="2" t="s">
        <v>362</v>
      </c>
      <c r="G92" s="2"/>
      <c r="H92" s="72"/>
      <c r="I92" s="72"/>
      <c r="J92" s="72" t="s">
        <v>138</v>
      </c>
      <c r="K92" s="73" t="s">
        <v>358</v>
      </c>
      <c r="L92" s="72"/>
      <c r="M92" s="72"/>
      <c r="N92" s="72" t="s">
        <v>296</v>
      </c>
      <c r="O92" s="72" t="s">
        <v>312</v>
      </c>
      <c r="P92" s="72">
        <v>30</v>
      </c>
      <c r="Q92" s="81">
        <v>65</v>
      </c>
      <c r="R92" s="72" t="s">
        <v>36</v>
      </c>
      <c r="S92" s="72"/>
      <c r="T92" s="72" t="s">
        <v>76</v>
      </c>
      <c r="U92" s="72"/>
      <c r="V92" s="5" t="s">
        <v>37</v>
      </c>
      <c r="W92" s="72" t="s">
        <v>359</v>
      </c>
    </row>
    <row r="93" spans="1:23" s="4" customFormat="1" ht="19.899999999999999" customHeight="1">
      <c r="A93" s="1">
        <v>438330033</v>
      </c>
      <c r="B93" s="2" t="s">
        <v>354</v>
      </c>
      <c r="C93" s="3" t="s">
        <v>381</v>
      </c>
      <c r="D93" s="4" t="s">
        <v>135</v>
      </c>
      <c r="E93" s="2" t="s">
        <v>303</v>
      </c>
      <c r="F93" s="2" t="s">
        <v>362</v>
      </c>
      <c r="G93" s="2" t="s">
        <v>382</v>
      </c>
      <c r="H93" s="72"/>
      <c r="I93" s="72"/>
      <c r="J93" s="72" t="s">
        <v>138</v>
      </c>
      <c r="K93" s="73" t="s">
        <v>358</v>
      </c>
      <c r="L93" s="72"/>
      <c r="M93" s="72"/>
      <c r="N93" s="72" t="s">
        <v>296</v>
      </c>
      <c r="O93" s="72" t="s">
        <v>312</v>
      </c>
      <c r="P93" s="72">
        <v>800</v>
      </c>
      <c r="Q93" s="81">
        <v>1580</v>
      </c>
      <c r="R93" s="72" t="s">
        <v>36</v>
      </c>
      <c r="S93" s="72"/>
      <c r="T93" s="72" t="s">
        <v>76</v>
      </c>
      <c r="U93" s="72"/>
      <c r="V93" s="5" t="s">
        <v>37</v>
      </c>
      <c r="W93" s="72" t="s">
        <v>359</v>
      </c>
    </row>
    <row r="94" spans="1:23" s="4" customFormat="1" ht="19.899999999999999" customHeight="1">
      <c r="A94" s="1">
        <v>438330001</v>
      </c>
      <c r="B94" s="2" t="s">
        <v>354</v>
      </c>
      <c r="C94" s="3" t="s">
        <v>383</v>
      </c>
      <c r="D94" s="4" t="s">
        <v>135</v>
      </c>
      <c r="E94" s="2" t="s">
        <v>86</v>
      </c>
      <c r="F94" s="2" t="s">
        <v>362</v>
      </c>
      <c r="G94" s="2" t="s">
        <v>384</v>
      </c>
      <c r="H94" s="72"/>
      <c r="I94" s="72"/>
      <c r="J94" s="72" t="s">
        <v>138</v>
      </c>
      <c r="K94" s="73" t="s">
        <v>358</v>
      </c>
      <c r="L94" s="72"/>
      <c r="M94" s="72"/>
      <c r="N94" s="72" t="s">
        <v>296</v>
      </c>
      <c r="O94" s="72" t="s">
        <v>312</v>
      </c>
      <c r="P94" s="72">
        <v>280</v>
      </c>
      <c r="Q94" s="81">
        <v>500</v>
      </c>
      <c r="R94" s="72" t="s">
        <v>36</v>
      </c>
      <c r="S94" s="72"/>
      <c r="T94" s="72" t="s">
        <v>76</v>
      </c>
      <c r="U94" s="72"/>
      <c r="V94" s="5" t="s">
        <v>37</v>
      </c>
      <c r="W94" s="72" t="s">
        <v>359</v>
      </c>
    </row>
    <row r="95" spans="1:23" s="4" customFormat="1" ht="19.899999999999999" customHeight="1">
      <c r="A95" s="1">
        <v>438330002</v>
      </c>
      <c r="B95" s="2" t="s">
        <v>354</v>
      </c>
      <c r="C95" s="3" t="s">
        <v>385</v>
      </c>
      <c r="D95" s="4" t="s">
        <v>135</v>
      </c>
      <c r="E95" s="2" t="s">
        <v>86</v>
      </c>
      <c r="F95" s="2" t="s">
        <v>362</v>
      </c>
      <c r="G95" s="2" t="s">
        <v>386</v>
      </c>
      <c r="H95" s="72"/>
      <c r="I95" s="72"/>
      <c r="J95" s="72" t="s">
        <v>138</v>
      </c>
      <c r="K95" s="73" t="s">
        <v>358</v>
      </c>
      <c r="L95" s="72"/>
      <c r="M95" s="72"/>
      <c r="N95" s="72" t="s">
        <v>296</v>
      </c>
      <c r="O95" s="72" t="s">
        <v>312</v>
      </c>
      <c r="P95" s="72">
        <v>450</v>
      </c>
      <c r="Q95" s="81">
        <v>800</v>
      </c>
      <c r="R95" s="72" t="s">
        <v>36</v>
      </c>
      <c r="S95" s="72"/>
      <c r="T95" s="72" t="s">
        <v>76</v>
      </c>
      <c r="U95" s="72"/>
      <c r="V95" s="5" t="s">
        <v>37</v>
      </c>
      <c r="W95" s="72" t="s">
        <v>359</v>
      </c>
    </row>
    <row r="96" spans="1:23" s="4" customFormat="1" ht="19.899999999999999" customHeight="1">
      <c r="A96" s="1">
        <v>330330001</v>
      </c>
      <c r="B96" s="2"/>
      <c r="C96" s="3" t="s">
        <v>387</v>
      </c>
      <c r="D96" s="4" t="s">
        <v>135</v>
      </c>
      <c r="E96" s="2" t="s">
        <v>27</v>
      </c>
      <c r="F96" s="2" t="s">
        <v>388</v>
      </c>
      <c r="G96" s="2"/>
      <c r="H96" s="72"/>
      <c r="I96" s="72"/>
      <c r="J96" s="72" t="s">
        <v>294</v>
      </c>
      <c r="K96" s="73" t="s">
        <v>389</v>
      </c>
      <c r="L96" s="72"/>
      <c r="M96" s="72"/>
      <c r="N96" s="72" t="s">
        <v>296</v>
      </c>
      <c r="O96" s="72" t="s">
        <v>312</v>
      </c>
      <c r="P96" s="72">
        <v>35</v>
      </c>
      <c r="Q96" s="72">
        <v>70</v>
      </c>
      <c r="R96" s="72" t="s">
        <v>36</v>
      </c>
      <c r="S96" s="72"/>
      <c r="T96" s="72" t="s">
        <v>76</v>
      </c>
      <c r="U96" s="72"/>
      <c r="V96" s="5" t="s">
        <v>37</v>
      </c>
      <c r="W96" s="72" t="s">
        <v>390</v>
      </c>
    </row>
    <row r="97" spans="1:23" s="4" customFormat="1" ht="19.899999999999999" customHeight="1">
      <c r="A97" s="1">
        <v>330330002</v>
      </c>
      <c r="B97" s="2"/>
      <c r="C97" s="3" t="s">
        <v>391</v>
      </c>
      <c r="D97" s="4" t="s">
        <v>135</v>
      </c>
      <c r="E97" s="2" t="s">
        <v>27</v>
      </c>
      <c r="F97" s="2" t="s">
        <v>388</v>
      </c>
      <c r="G97" s="2"/>
      <c r="H97" s="72"/>
      <c r="I97" s="72"/>
      <c r="J97" s="72" t="s">
        <v>294</v>
      </c>
      <c r="K97" s="73" t="s">
        <v>389</v>
      </c>
      <c r="L97" s="72"/>
      <c r="M97" s="72"/>
      <c r="N97" s="72" t="s">
        <v>296</v>
      </c>
      <c r="O97" s="72" t="s">
        <v>312</v>
      </c>
      <c r="P97" s="72">
        <v>150</v>
      </c>
      <c r="Q97" s="72">
        <v>290</v>
      </c>
      <c r="R97" s="72" t="s">
        <v>36</v>
      </c>
      <c r="S97" s="72"/>
      <c r="T97" s="72" t="s">
        <v>76</v>
      </c>
      <c r="U97" s="72"/>
      <c r="V97" s="5" t="s">
        <v>37</v>
      </c>
      <c r="W97" s="72" t="s">
        <v>390</v>
      </c>
    </row>
    <row r="98" spans="1:23" s="4" customFormat="1" ht="19.899999999999999" customHeight="1">
      <c r="A98" s="1">
        <v>446330008</v>
      </c>
      <c r="B98" s="2" t="s">
        <v>392</v>
      </c>
      <c r="C98" s="3" t="s">
        <v>393</v>
      </c>
      <c r="D98" s="4" t="s">
        <v>135</v>
      </c>
      <c r="E98" s="2" t="s">
        <v>86</v>
      </c>
      <c r="F98" s="2" t="s">
        <v>394</v>
      </c>
      <c r="G98" s="2" t="s">
        <v>395</v>
      </c>
      <c r="H98" s="72"/>
      <c r="I98" s="72"/>
      <c r="J98" s="72" t="s">
        <v>396</v>
      </c>
      <c r="K98" s="73" t="s">
        <v>389</v>
      </c>
      <c r="L98" s="72"/>
      <c r="M98" s="72"/>
      <c r="N98" s="72" t="s">
        <v>296</v>
      </c>
      <c r="O98" s="72" t="s">
        <v>312</v>
      </c>
      <c r="P98" s="72">
        <v>100</v>
      </c>
      <c r="Q98" s="72">
        <v>180</v>
      </c>
      <c r="R98" s="72" t="s">
        <v>36</v>
      </c>
      <c r="S98" s="72"/>
      <c r="T98" s="72" t="s">
        <v>76</v>
      </c>
      <c r="U98" s="72"/>
      <c r="V98" s="5" t="s">
        <v>37</v>
      </c>
      <c r="W98" s="72" t="s">
        <v>397</v>
      </c>
    </row>
    <row r="99" spans="1:23" s="4" customFormat="1" ht="19.899999999999999" customHeight="1">
      <c r="A99" s="1">
        <v>446330009</v>
      </c>
      <c r="B99" s="2" t="s">
        <v>392</v>
      </c>
      <c r="C99" s="3" t="s">
        <v>398</v>
      </c>
      <c r="D99" s="4" t="s">
        <v>135</v>
      </c>
      <c r="E99" s="2" t="s">
        <v>86</v>
      </c>
      <c r="F99" s="2" t="s">
        <v>394</v>
      </c>
      <c r="G99" s="2" t="s">
        <v>399</v>
      </c>
      <c r="H99" s="72"/>
      <c r="I99" s="72"/>
      <c r="J99" s="72" t="s">
        <v>396</v>
      </c>
      <c r="K99" s="73" t="s">
        <v>389</v>
      </c>
      <c r="L99" s="72"/>
      <c r="M99" s="72"/>
      <c r="N99" s="72" t="s">
        <v>296</v>
      </c>
      <c r="O99" s="72" t="s">
        <v>312</v>
      </c>
      <c r="P99" s="72">
        <v>90</v>
      </c>
      <c r="Q99" s="72">
        <v>180</v>
      </c>
      <c r="R99" s="72" t="s">
        <v>36</v>
      </c>
      <c r="S99" s="72"/>
      <c r="T99" s="72" t="s">
        <v>76</v>
      </c>
      <c r="U99" s="72"/>
      <c r="V99" s="5" t="s">
        <v>37</v>
      </c>
      <c r="W99" s="72" t="s">
        <v>397</v>
      </c>
    </row>
    <row r="100" spans="1:23" s="4" customFormat="1" ht="19.899999999999999" customHeight="1">
      <c r="A100" s="1">
        <v>776330068</v>
      </c>
      <c r="B100" s="2"/>
      <c r="C100" s="3" t="s">
        <v>400</v>
      </c>
      <c r="D100" s="4" t="s">
        <v>135</v>
      </c>
      <c r="E100" s="2" t="s">
        <v>27</v>
      </c>
      <c r="F100" s="8" t="s">
        <v>401</v>
      </c>
      <c r="G100" s="2" t="s">
        <v>402</v>
      </c>
      <c r="H100" s="72"/>
      <c r="I100" s="72"/>
      <c r="J100" s="72" t="s">
        <v>403</v>
      </c>
      <c r="K100" s="73" t="s">
        <v>404</v>
      </c>
      <c r="L100" s="72"/>
      <c r="M100" s="72"/>
      <c r="N100" s="72" t="s">
        <v>296</v>
      </c>
      <c r="O100" s="72" t="s">
        <v>312</v>
      </c>
      <c r="P100" s="72">
        <v>450</v>
      </c>
      <c r="Q100" s="72">
        <v>690</v>
      </c>
      <c r="R100" s="72" t="s">
        <v>36</v>
      </c>
      <c r="S100" s="72"/>
      <c r="T100" s="72" t="s">
        <v>76</v>
      </c>
      <c r="U100" s="72"/>
      <c r="V100" s="5" t="s">
        <v>37</v>
      </c>
      <c r="W100" s="72" t="s">
        <v>405</v>
      </c>
    </row>
    <row r="101" spans="1:23" s="4" customFormat="1" ht="19.899999999999999" customHeight="1">
      <c r="A101" s="1">
        <v>776330068</v>
      </c>
      <c r="B101" s="2"/>
      <c r="C101" s="3" t="s">
        <v>400</v>
      </c>
      <c r="D101" s="4" t="s">
        <v>135</v>
      </c>
      <c r="E101" s="2" t="s">
        <v>27</v>
      </c>
      <c r="F101" s="8" t="s">
        <v>401</v>
      </c>
      <c r="G101" s="2" t="s">
        <v>402</v>
      </c>
      <c r="H101" s="72"/>
      <c r="I101" s="72"/>
      <c r="J101" s="72" t="s">
        <v>403</v>
      </c>
      <c r="K101" s="73" t="s">
        <v>404</v>
      </c>
      <c r="L101" s="72"/>
      <c r="M101" s="72"/>
      <c r="N101" s="72" t="s">
        <v>296</v>
      </c>
      <c r="O101" s="72" t="s">
        <v>312</v>
      </c>
      <c r="P101" s="72">
        <v>450</v>
      </c>
      <c r="Q101" s="72">
        <v>690</v>
      </c>
      <c r="R101" s="72" t="s">
        <v>36</v>
      </c>
      <c r="S101" s="72"/>
      <c r="T101" s="72" t="s">
        <v>76</v>
      </c>
      <c r="U101" s="72"/>
      <c r="V101" s="5" t="s">
        <v>37</v>
      </c>
      <c r="W101" s="72" t="s">
        <v>405</v>
      </c>
    </row>
    <row r="102" spans="1:23" s="4" customFormat="1" ht="19.899999999999999" customHeight="1">
      <c r="A102" s="1">
        <v>564330023</v>
      </c>
      <c r="B102" s="2"/>
      <c r="C102" s="3" t="s">
        <v>406</v>
      </c>
      <c r="D102" s="4" t="s">
        <v>135</v>
      </c>
      <c r="E102" s="2" t="s">
        <v>86</v>
      </c>
      <c r="F102" s="8" t="s">
        <v>407</v>
      </c>
      <c r="G102" s="2" t="s">
        <v>408</v>
      </c>
      <c r="H102" s="72"/>
      <c r="I102" s="72"/>
      <c r="J102" s="72" t="s">
        <v>396</v>
      </c>
      <c r="K102" s="73" t="s">
        <v>404</v>
      </c>
      <c r="L102" s="72"/>
      <c r="M102" s="72"/>
      <c r="N102" s="72" t="s">
        <v>409</v>
      </c>
      <c r="O102" s="72" t="s">
        <v>312</v>
      </c>
      <c r="P102" s="72">
        <v>150</v>
      </c>
      <c r="Q102" s="72">
        <v>250</v>
      </c>
      <c r="R102" s="72" t="s">
        <v>36</v>
      </c>
      <c r="S102" s="72"/>
      <c r="T102" s="72" t="s">
        <v>76</v>
      </c>
      <c r="U102" s="72"/>
      <c r="V102" s="5" t="s">
        <v>37</v>
      </c>
      <c r="W102" s="72" t="s">
        <v>410</v>
      </c>
    </row>
    <row r="103" spans="1:23" s="4" customFormat="1" ht="19.899999999999999" customHeight="1">
      <c r="A103" s="9">
        <v>564330024</v>
      </c>
      <c r="B103" s="2"/>
      <c r="C103" s="3" t="s">
        <v>411</v>
      </c>
      <c r="D103" s="4" t="s">
        <v>135</v>
      </c>
      <c r="E103" s="2" t="s">
        <v>303</v>
      </c>
      <c r="F103" s="8" t="s">
        <v>412</v>
      </c>
      <c r="G103" s="2" t="s">
        <v>413</v>
      </c>
      <c r="H103" s="72"/>
      <c r="I103" s="72"/>
      <c r="J103" s="72" t="s">
        <v>396</v>
      </c>
      <c r="K103" s="73" t="s">
        <v>389</v>
      </c>
      <c r="L103" s="72"/>
      <c r="M103" s="72"/>
      <c r="N103" s="72" t="s">
        <v>409</v>
      </c>
      <c r="O103" s="72" t="s">
        <v>312</v>
      </c>
      <c r="P103" s="72">
        <v>450</v>
      </c>
      <c r="Q103" s="72">
        <v>690</v>
      </c>
      <c r="R103" s="72" t="s">
        <v>36</v>
      </c>
      <c r="S103" s="72"/>
      <c r="T103" s="72" t="s">
        <v>76</v>
      </c>
      <c r="U103" s="72"/>
      <c r="V103" s="5" t="s">
        <v>37</v>
      </c>
      <c r="W103" s="72" t="s">
        <v>414</v>
      </c>
    </row>
    <row r="104" spans="1:23" s="4" customFormat="1" ht="19.899999999999999" customHeight="1">
      <c r="A104" s="9">
        <v>564330025</v>
      </c>
      <c r="B104" s="2"/>
      <c r="C104" s="3" t="s">
        <v>415</v>
      </c>
      <c r="D104" s="4" t="s">
        <v>135</v>
      </c>
      <c r="E104" s="2" t="s">
        <v>303</v>
      </c>
      <c r="F104" s="8" t="s">
        <v>412</v>
      </c>
      <c r="G104" s="2" t="s">
        <v>416</v>
      </c>
      <c r="H104" s="72"/>
      <c r="I104" s="72"/>
      <c r="J104" s="72" t="s">
        <v>396</v>
      </c>
      <c r="K104" s="73" t="s">
        <v>389</v>
      </c>
      <c r="L104" s="72"/>
      <c r="M104" s="72"/>
      <c r="N104" s="72" t="s">
        <v>409</v>
      </c>
      <c r="O104" s="72" t="s">
        <v>312</v>
      </c>
      <c r="P104" s="72">
        <v>450</v>
      </c>
      <c r="Q104" s="72">
        <v>690</v>
      </c>
      <c r="R104" s="72" t="s">
        <v>36</v>
      </c>
      <c r="S104" s="72"/>
      <c r="T104" s="72" t="s">
        <v>76</v>
      </c>
      <c r="U104" s="72"/>
      <c r="V104" s="5" t="s">
        <v>37</v>
      </c>
      <c r="W104" s="72" t="s">
        <v>414</v>
      </c>
    </row>
    <row r="105" spans="1:23" s="4" customFormat="1" ht="19.899999999999999" customHeight="1">
      <c r="A105" s="9">
        <v>564330026</v>
      </c>
      <c r="B105" s="2"/>
      <c r="C105" s="3" t="s">
        <v>417</v>
      </c>
      <c r="D105" s="4" t="s">
        <v>135</v>
      </c>
      <c r="E105" s="2" t="s">
        <v>303</v>
      </c>
      <c r="F105" s="8" t="s">
        <v>412</v>
      </c>
      <c r="G105" s="2" t="s">
        <v>416</v>
      </c>
      <c r="H105" s="72"/>
      <c r="I105" s="72"/>
      <c r="J105" s="72" t="s">
        <v>396</v>
      </c>
      <c r="K105" s="73" t="s">
        <v>389</v>
      </c>
      <c r="L105" s="72"/>
      <c r="M105" s="72"/>
      <c r="N105" s="72" t="s">
        <v>409</v>
      </c>
      <c r="O105" s="72" t="s">
        <v>312</v>
      </c>
      <c r="P105" s="72">
        <v>700</v>
      </c>
      <c r="Q105" s="72">
        <v>1100</v>
      </c>
      <c r="R105" s="72" t="s">
        <v>36</v>
      </c>
      <c r="S105" s="72"/>
      <c r="T105" s="72" t="s">
        <v>76</v>
      </c>
      <c r="U105" s="72"/>
      <c r="V105" s="5" t="s">
        <v>37</v>
      </c>
      <c r="W105" s="72" t="s">
        <v>414</v>
      </c>
    </row>
    <row r="106" spans="1:23" s="4" customFormat="1" ht="19.899999999999999" customHeight="1">
      <c r="A106" s="9">
        <v>337330040</v>
      </c>
      <c r="B106" s="2" t="s">
        <v>418</v>
      </c>
      <c r="C106" s="3" t="s">
        <v>419</v>
      </c>
      <c r="D106" s="4" t="s">
        <v>135</v>
      </c>
      <c r="E106" s="2" t="s">
        <v>27</v>
      </c>
      <c r="F106" s="8" t="s">
        <v>420</v>
      </c>
      <c r="G106" s="2" t="s">
        <v>421</v>
      </c>
      <c r="H106" s="72"/>
      <c r="I106" s="72"/>
      <c r="J106" s="72" t="s">
        <v>396</v>
      </c>
      <c r="K106" s="73" t="s">
        <v>389</v>
      </c>
      <c r="L106" s="72"/>
      <c r="M106" s="72"/>
      <c r="N106" s="72" t="s">
        <v>409</v>
      </c>
      <c r="O106" s="72" t="s">
        <v>422</v>
      </c>
      <c r="P106" s="72">
        <v>300</v>
      </c>
      <c r="Q106" s="72">
        <v>420</v>
      </c>
      <c r="R106" s="72" t="s">
        <v>36</v>
      </c>
      <c r="S106" s="72"/>
      <c r="T106" s="72" t="s">
        <v>423</v>
      </c>
      <c r="U106" s="72"/>
      <c r="V106" s="5" t="s">
        <v>37</v>
      </c>
      <c r="W106" s="72" t="s">
        <v>424</v>
      </c>
    </row>
    <row r="107" spans="1:23" s="4" customFormat="1" ht="19.899999999999999" customHeight="1">
      <c r="A107" s="9">
        <v>337330041</v>
      </c>
      <c r="B107" s="2" t="s">
        <v>418</v>
      </c>
      <c r="C107" s="3" t="s">
        <v>425</v>
      </c>
      <c r="D107" s="4" t="s">
        <v>135</v>
      </c>
      <c r="E107" s="2" t="s">
        <v>27</v>
      </c>
      <c r="F107" s="8" t="s">
        <v>420</v>
      </c>
      <c r="G107" s="2" t="s">
        <v>426</v>
      </c>
      <c r="H107" s="72"/>
      <c r="I107" s="72"/>
      <c r="J107" s="72" t="s">
        <v>396</v>
      </c>
      <c r="K107" s="73" t="s">
        <v>389</v>
      </c>
      <c r="L107" s="72"/>
      <c r="M107" s="72"/>
      <c r="N107" s="72" t="s">
        <v>409</v>
      </c>
      <c r="O107" s="72" t="s">
        <v>422</v>
      </c>
      <c r="P107" s="72">
        <v>350</v>
      </c>
      <c r="Q107" s="72">
        <v>670</v>
      </c>
      <c r="R107" s="72" t="s">
        <v>36</v>
      </c>
      <c r="S107" s="72"/>
      <c r="T107" s="72" t="s">
        <v>423</v>
      </c>
      <c r="U107" s="72"/>
      <c r="V107" s="5" t="s">
        <v>37</v>
      </c>
      <c r="W107" s="72" t="s">
        <v>424</v>
      </c>
    </row>
    <row r="108" spans="1:23" s="4" customFormat="1" ht="19.899999999999999" customHeight="1">
      <c r="A108" s="10">
        <v>337330043</v>
      </c>
      <c r="B108" s="11" t="s">
        <v>418</v>
      </c>
      <c r="C108" s="3" t="s">
        <v>427</v>
      </c>
      <c r="D108" s="4" t="s">
        <v>135</v>
      </c>
      <c r="E108" s="11" t="s">
        <v>27</v>
      </c>
      <c r="F108" s="12" t="s">
        <v>420</v>
      </c>
      <c r="G108" s="11" t="s">
        <v>428</v>
      </c>
      <c r="H108" s="82"/>
      <c r="I108" s="82"/>
      <c r="J108" s="82" t="s">
        <v>396</v>
      </c>
      <c r="K108" s="83" t="s">
        <v>389</v>
      </c>
      <c r="L108" s="82"/>
      <c r="M108" s="82"/>
      <c r="N108" s="82" t="s">
        <v>409</v>
      </c>
      <c r="O108" s="82" t="s">
        <v>422</v>
      </c>
      <c r="P108" s="82">
        <v>300</v>
      </c>
      <c r="Q108" s="82">
        <v>450</v>
      </c>
      <c r="R108" s="82" t="s">
        <v>36</v>
      </c>
      <c r="S108" s="82"/>
      <c r="T108" s="82" t="s">
        <v>423</v>
      </c>
      <c r="U108" s="82"/>
      <c r="V108" s="5" t="s">
        <v>37</v>
      </c>
      <c r="W108" s="82" t="s">
        <v>424</v>
      </c>
    </row>
    <row r="109" spans="1:23" s="4" customFormat="1" ht="19.899999999999999" customHeight="1">
      <c r="A109" s="9">
        <v>337330050</v>
      </c>
      <c r="B109" s="2" t="s">
        <v>418</v>
      </c>
      <c r="C109" s="3" t="s">
        <v>429</v>
      </c>
      <c r="D109" s="4" t="s">
        <v>135</v>
      </c>
      <c r="E109" s="2" t="s">
        <v>430</v>
      </c>
      <c r="F109" s="8" t="s">
        <v>420</v>
      </c>
      <c r="G109" s="2" t="s">
        <v>431</v>
      </c>
      <c r="H109" s="72"/>
      <c r="I109" s="72"/>
      <c r="J109" s="72" t="s">
        <v>396</v>
      </c>
      <c r="K109" s="73" t="s">
        <v>389</v>
      </c>
      <c r="L109" s="72"/>
      <c r="M109" s="72"/>
      <c r="N109" s="72" t="s">
        <v>409</v>
      </c>
      <c r="O109" s="72" t="s">
        <v>422</v>
      </c>
      <c r="P109" s="72">
        <v>250</v>
      </c>
      <c r="Q109" s="72">
        <v>390</v>
      </c>
      <c r="R109" s="72" t="s">
        <v>36</v>
      </c>
      <c r="S109" s="72"/>
      <c r="T109" s="72" t="s">
        <v>423</v>
      </c>
      <c r="U109" s="72"/>
      <c r="V109" s="5" t="s">
        <v>37</v>
      </c>
      <c r="W109" s="72" t="s">
        <v>424</v>
      </c>
    </row>
    <row r="110" spans="1:23" s="4" customFormat="1" ht="19.899999999999999" customHeight="1">
      <c r="A110" s="9">
        <v>337350007</v>
      </c>
      <c r="B110" s="2" t="s">
        <v>418</v>
      </c>
      <c r="C110" s="3" t="s">
        <v>432</v>
      </c>
      <c r="D110" s="4" t="s">
        <v>762</v>
      </c>
      <c r="E110" s="2" t="s">
        <v>27</v>
      </c>
      <c r="F110" s="8" t="s">
        <v>420</v>
      </c>
      <c r="G110" s="2" t="s">
        <v>433</v>
      </c>
      <c r="H110" s="72"/>
      <c r="I110" s="72"/>
      <c r="J110" s="72" t="s">
        <v>396</v>
      </c>
      <c r="K110" s="73" t="s">
        <v>389</v>
      </c>
      <c r="L110" s="72"/>
      <c r="M110" s="72"/>
      <c r="N110" s="72" t="s">
        <v>409</v>
      </c>
      <c r="O110" s="72" t="s">
        <v>422</v>
      </c>
      <c r="P110" s="72">
        <v>100</v>
      </c>
      <c r="Q110" s="72">
        <v>150</v>
      </c>
      <c r="R110" s="72" t="s">
        <v>36</v>
      </c>
      <c r="S110" s="72"/>
      <c r="T110" s="72" t="s">
        <v>423</v>
      </c>
      <c r="U110" s="72"/>
      <c r="V110" s="5" t="s">
        <v>37</v>
      </c>
      <c r="W110" s="72" t="s">
        <v>424</v>
      </c>
    </row>
    <row r="111" spans="1:23" s="4" customFormat="1" ht="19.899999999999999" customHeight="1">
      <c r="A111" s="9">
        <v>337330068</v>
      </c>
      <c r="B111" s="2" t="s">
        <v>418</v>
      </c>
      <c r="C111" s="3" t="s">
        <v>434</v>
      </c>
      <c r="D111" s="4" t="s">
        <v>135</v>
      </c>
      <c r="E111" s="2" t="s">
        <v>27</v>
      </c>
      <c r="F111" s="8" t="s">
        <v>420</v>
      </c>
      <c r="G111" s="2" t="s">
        <v>435</v>
      </c>
      <c r="H111" s="72"/>
      <c r="I111" s="72"/>
      <c r="J111" s="72" t="s">
        <v>396</v>
      </c>
      <c r="K111" s="73" t="s">
        <v>389</v>
      </c>
      <c r="L111" s="72"/>
      <c r="M111" s="72"/>
      <c r="N111" s="72" t="s">
        <v>409</v>
      </c>
      <c r="O111" s="72" t="s">
        <v>422</v>
      </c>
      <c r="P111" s="72">
        <v>38</v>
      </c>
      <c r="Q111" s="72">
        <v>55</v>
      </c>
      <c r="R111" s="72" t="s">
        <v>36</v>
      </c>
      <c r="S111" s="72"/>
      <c r="T111" s="72" t="s">
        <v>423</v>
      </c>
      <c r="U111" s="72"/>
      <c r="V111" s="5" t="s">
        <v>37</v>
      </c>
      <c r="W111" s="72" t="s">
        <v>424</v>
      </c>
    </row>
    <row r="112" spans="1:23" s="4" customFormat="1" ht="19.899999999999999" customHeight="1">
      <c r="A112" s="9">
        <v>446340118</v>
      </c>
      <c r="B112" s="2" t="s">
        <v>418</v>
      </c>
      <c r="C112" s="3" t="s">
        <v>436</v>
      </c>
      <c r="D112" s="4" t="s">
        <v>137</v>
      </c>
      <c r="E112" s="2" t="s">
        <v>437</v>
      </c>
      <c r="F112" s="8" t="s">
        <v>438</v>
      </c>
      <c r="G112" s="2" t="s">
        <v>439</v>
      </c>
      <c r="H112" s="72"/>
      <c r="I112" s="72"/>
      <c r="J112" s="72" t="s">
        <v>396</v>
      </c>
      <c r="K112" s="73" t="s">
        <v>389</v>
      </c>
      <c r="L112" s="72"/>
      <c r="M112" s="72"/>
      <c r="N112" s="72" t="s">
        <v>409</v>
      </c>
      <c r="O112" s="72" t="s">
        <v>422</v>
      </c>
      <c r="P112" s="72">
        <v>200</v>
      </c>
      <c r="Q112" s="72">
        <v>270</v>
      </c>
      <c r="R112" s="72" t="s">
        <v>36</v>
      </c>
      <c r="S112" s="72"/>
      <c r="T112" s="72" t="s">
        <v>423</v>
      </c>
      <c r="U112" s="72"/>
      <c r="V112" s="5" t="s">
        <v>37</v>
      </c>
      <c r="W112" s="72" t="s">
        <v>424</v>
      </c>
    </row>
    <row r="113" spans="1:23" s="4" customFormat="1" ht="19.899999999999999" customHeight="1">
      <c r="A113" s="9">
        <v>337330046</v>
      </c>
      <c r="B113" s="2" t="s">
        <v>418</v>
      </c>
      <c r="C113" s="3" t="s">
        <v>440</v>
      </c>
      <c r="D113" s="4" t="s">
        <v>135</v>
      </c>
      <c r="E113" s="2" t="s">
        <v>27</v>
      </c>
      <c r="F113" s="8" t="s">
        <v>420</v>
      </c>
      <c r="G113" s="2" t="s">
        <v>441</v>
      </c>
      <c r="H113" s="72"/>
      <c r="I113" s="72"/>
      <c r="J113" s="72" t="s">
        <v>396</v>
      </c>
      <c r="K113" s="73" t="s">
        <v>389</v>
      </c>
      <c r="L113" s="72"/>
      <c r="M113" s="72"/>
      <c r="N113" s="72" t="s">
        <v>409</v>
      </c>
      <c r="O113" s="72" t="s">
        <v>422</v>
      </c>
      <c r="P113" s="72">
        <v>80</v>
      </c>
      <c r="Q113" s="72">
        <v>130</v>
      </c>
      <c r="R113" s="72" t="s">
        <v>36</v>
      </c>
      <c r="S113" s="72"/>
      <c r="T113" s="72" t="s">
        <v>423</v>
      </c>
      <c r="U113" s="72"/>
      <c r="V113" s="5" t="s">
        <v>37</v>
      </c>
      <c r="W113" s="72" t="s">
        <v>424</v>
      </c>
    </row>
    <row r="114" spans="1:23" s="4" customFormat="1" ht="19.899999999999999" customHeight="1">
      <c r="A114" s="9">
        <v>110340072</v>
      </c>
      <c r="B114" s="2" t="s">
        <v>418</v>
      </c>
      <c r="C114" s="3" t="s">
        <v>442</v>
      </c>
      <c r="D114" s="4" t="s">
        <v>137</v>
      </c>
      <c r="E114" s="2" t="s">
        <v>443</v>
      </c>
      <c r="F114" s="8" t="s">
        <v>444</v>
      </c>
      <c r="G114" s="2" t="s">
        <v>445</v>
      </c>
      <c r="H114" s="72"/>
      <c r="I114" s="72"/>
      <c r="J114" s="72" t="s">
        <v>396</v>
      </c>
      <c r="K114" s="73" t="s">
        <v>389</v>
      </c>
      <c r="L114" s="72"/>
      <c r="M114" s="72"/>
      <c r="N114" s="72" t="s">
        <v>409</v>
      </c>
      <c r="O114" s="72" t="s">
        <v>422</v>
      </c>
      <c r="P114" s="72">
        <v>45</v>
      </c>
      <c r="Q114" s="72"/>
      <c r="R114" s="72" t="s">
        <v>36</v>
      </c>
      <c r="S114" s="72"/>
      <c r="T114" s="72" t="s">
        <v>423</v>
      </c>
      <c r="U114" s="72"/>
      <c r="V114" s="5" t="s">
        <v>37</v>
      </c>
      <c r="W114" s="72" t="s">
        <v>424</v>
      </c>
    </row>
    <row r="115" spans="1:23" s="4" customFormat="1" ht="19.899999999999999" customHeight="1">
      <c r="A115" s="9">
        <v>337330094</v>
      </c>
      <c r="B115" s="2" t="s">
        <v>418</v>
      </c>
      <c r="C115" s="3" t="s">
        <v>446</v>
      </c>
      <c r="D115" s="4" t="s">
        <v>135</v>
      </c>
      <c r="E115" s="2" t="s">
        <v>27</v>
      </c>
      <c r="F115" s="8" t="s">
        <v>447</v>
      </c>
      <c r="G115" s="2" t="s">
        <v>448</v>
      </c>
      <c r="H115" s="72"/>
      <c r="I115" s="72"/>
      <c r="J115" s="72" t="s">
        <v>396</v>
      </c>
      <c r="K115" s="73" t="s">
        <v>389</v>
      </c>
      <c r="L115" s="72"/>
      <c r="M115" s="72"/>
      <c r="N115" s="72" t="s">
        <v>409</v>
      </c>
      <c r="O115" s="72" t="s">
        <v>422</v>
      </c>
      <c r="P115" s="72">
        <v>200</v>
      </c>
      <c r="Q115" s="72">
        <v>390</v>
      </c>
      <c r="R115" s="72" t="s">
        <v>36</v>
      </c>
      <c r="S115" s="72"/>
      <c r="T115" s="72" t="s">
        <v>423</v>
      </c>
      <c r="U115" s="72"/>
      <c r="V115" s="5" t="s">
        <v>37</v>
      </c>
      <c r="W115" s="72" t="s">
        <v>424</v>
      </c>
    </row>
    <row r="116" spans="1:23" s="4" customFormat="1" ht="19.899999999999999" customHeight="1">
      <c r="A116" s="9">
        <v>337330064</v>
      </c>
      <c r="B116" s="2" t="s">
        <v>418</v>
      </c>
      <c r="C116" s="3" t="s">
        <v>449</v>
      </c>
      <c r="D116" s="4" t="s">
        <v>135</v>
      </c>
      <c r="E116" s="2" t="s">
        <v>27</v>
      </c>
      <c r="F116" s="8" t="s">
        <v>420</v>
      </c>
      <c r="G116" s="2" t="s">
        <v>450</v>
      </c>
      <c r="H116" s="72"/>
      <c r="I116" s="72"/>
      <c r="J116" s="72" t="s">
        <v>396</v>
      </c>
      <c r="K116" s="73" t="s">
        <v>389</v>
      </c>
      <c r="L116" s="72"/>
      <c r="M116" s="72"/>
      <c r="N116" s="72" t="s">
        <v>409</v>
      </c>
      <c r="O116" s="72" t="s">
        <v>422</v>
      </c>
      <c r="P116" s="72">
        <v>80</v>
      </c>
      <c r="Q116" s="72">
        <v>180</v>
      </c>
      <c r="R116" s="72" t="s">
        <v>36</v>
      </c>
      <c r="S116" s="72"/>
      <c r="T116" s="72" t="s">
        <v>423</v>
      </c>
      <c r="U116" s="72"/>
      <c r="V116" s="5" t="s">
        <v>37</v>
      </c>
      <c r="W116" s="72" t="s">
        <v>424</v>
      </c>
    </row>
    <row r="117" spans="1:23" s="4" customFormat="1" ht="19.899999999999999" customHeight="1">
      <c r="A117" s="9">
        <v>337330087</v>
      </c>
      <c r="B117" s="2" t="s">
        <v>418</v>
      </c>
      <c r="C117" s="3" t="s">
        <v>451</v>
      </c>
      <c r="D117" s="4" t="s">
        <v>135</v>
      </c>
      <c r="E117" s="2" t="s">
        <v>27</v>
      </c>
      <c r="F117" s="8" t="s">
        <v>420</v>
      </c>
      <c r="G117" s="2" t="s">
        <v>452</v>
      </c>
      <c r="H117" s="72"/>
      <c r="I117" s="72"/>
      <c r="J117" s="72" t="s">
        <v>396</v>
      </c>
      <c r="K117" s="73" t="s">
        <v>389</v>
      </c>
      <c r="L117" s="72"/>
      <c r="M117" s="72"/>
      <c r="N117" s="72" t="s">
        <v>409</v>
      </c>
      <c r="O117" s="72" t="s">
        <v>422</v>
      </c>
      <c r="P117" s="72">
        <v>380</v>
      </c>
      <c r="Q117" s="72">
        <v>550</v>
      </c>
      <c r="R117" s="72" t="s">
        <v>36</v>
      </c>
      <c r="S117" s="72"/>
      <c r="T117" s="72" t="s">
        <v>423</v>
      </c>
      <c r="U117" s="72"/>
      <c r="V117" s="5" t="s">
        <v>37</v>
      </c>
      <c r="W117" s="72" t="s">
        <v>424</v>
      </c>
    </row>
    <row r="118" spans="1:23" s="4" customFormat="1" ht="19.899999999999999" customHeight="1">
      <c r="A118" s="9">
        <v>337130102</v>
      </c>
      <c r="B118" s="2"/>
      <c r="C118" s="3" t="s">
        <v>453</v>
      </c>
      <c r="D118" s="4" t="s">
        <v>135</v>
      </c>
      <c r="E118" s="2" t="s">
        <v>86</v>
      </c>
      <c r="F118" s="8" t="s">
        <v>454</v>
      </c>
      <c r="G118" s="2" t="s">
        <v>439</v>
      </c>
      <c r="H118" s="72"/>
      <c r="I118" s="72"/>
      <c r="J118" s="72" t="s">
        <v>396</v>
      </c>
      <c r="K118" s="73" t="s">
        <v>455</v>
      </c>
      <c r="L118" s="72" t="s">
        <v>456</v>
      </c>
      <c r="M118" s="72"/>
      <c r="N118" s="72" t="s">
        <v>409</v>
      </c>
      <c r="O118" s="72" t="s">
        <v>422</v>
      </c>
      <c r="P118" s="72">
        <v>200</v>
      </c>
      <c r="Q118" s="72">
        <v>350</v>
      </c>
      <c r="R118" s="72" t="s">
        <v>90</v>
      </c>
      <c r="S118" s="72"/>
      <c r="T118" s="72" t="s">
        <v>423</v>
      </c>
      <c r="U118" s="72"/>
      <c r="V118" s="5" t="s">
        <v>37</v>
      </c>
      <c r="W118" s="72" t="s">
        <v>457</v>
      </c>
    </row>
    <row r="119" spans="1:23" s="4" customFormat="1" ht="19.899999999999999" customHeight="1">
      <c r="A119" s="9">
        <v>337130103</v>
      </c>
      <c r="B119" s="2"/>
      <c r="C119" s="3" t="s">
        <v>458</v>
      </c>
      <c r="D119" s="4" t="s">
        <v>135</v>
      </c>
      <c r="E119" s="2" t="s">
        <v>86</v>
      </c>
      <c r="F119" s="8" t="s">
        <v>454</v>
      </c>
      <c r="G119" s="2" t="s">
        <v>439</v>
      </c>
      <c r="H119" s="72"/>
      <c r="I119" s="72"/>
      <c r="J119" s="72" t="s">
        <v>396</v>
      </c>
      <c r="K119" s="73" t="s">
        <v>455</v>
      </c>
      <c r="L119" s="72" t="s">
        <v>456</v>
      </c>
      <c r="M119" s="72"/>
      <c r="N119" s="72" t="s">
        <v>409</v>
      </c>
      <c r="O119" s="72" t="s">
        <v>422</v>
      </c>
      <c r="P119" s="72">
        <v>200</v>
      </c>
      <c r="Q119" s="72">
        <v>350</v>
      </c>
      <c r="R119" s="72" t="s">
        <v>90</v>
      </c>
      <c r="S119" s="72"/>
      <c r="T119" s="72" t="s">
        <v>423</v>
      </c>
      <c r="U119" s="72"/>
      <c r="V119" s="5" t="s">
        <v>37</v>
      </c>
      <c r="W119" s="72" t="s">
        <v>457</v>
      </c>
    </row>
    <row r="120" spans="1:23" s="4" customFormat="1" ht="19.899999999999999" customHeight="1">
      <c r="A120" s="9">
        <v>337130104</v>
      </c>
      <c r="B120" s="2"/>
      <c r="C120" s="3" t="s">
        <v>459</v>
      </c>
      <c r="D120" s="4" t="s">
        <v>135</v>
      </c>
      <c r="E120" s="2" t="s">
        <v>86</v>
      </c>
      <c r="F120" s="8" t="s">
        <v>454</v>
      </c>
      <c r="G120" s="2" t="s">
        <v>439</v>
      </c>
      <c r="H120" s="72"/>
      <c r="I120" s="72"/>
      <c r="J120" s="72" t="s">
        <v>396</v>
      </c>
      <c r="K120" s="73" t="s">
        <v>455</v>
      </c>
      <c r="L120" s="72" t="s">
        <v>456</v>
      </c>
      <c r="M120" s="72"/>
      <c r="N120" s="72" t="s">
        <v>409</v>
      </c>
      <c r="O120" s="72" t="s">
        <v>422</v>
      </c>
      <c r="P120" s="72">
        <v>200</v>
      </c>
      <c r="Q120" s="72">
        <v>350</v>
      </c>
      <c r="R120" s="72" t="s">
        <v>90</v>
      </c>
      <c r="S120" s="72"/>
      <c r="T120" s="72" t="s">
        <v>423</v>
      </c>
      <c r="U120" s="72"/>
      <c r="V120" s="5" t="s">
        <v>37</v>
      </c>
      <c r="W120" s="72" t="s">
        <v>457</v>
      </c>
    </row>
    <row r="121" spans="1:23" s="4" customFormat="1" ht="19.899999999999999" customHeight="1">
      <c r="A121" s="9">
        <v>770330018</v>
      </c>
      <c r="B121" s="2" t="s">
        <v>460</v>
      </c>
      <c r="C121" s="3" t="s">
        <v>461</v>
      </c>
      <c r="D121" s="4" t="s">
        <v>135</v>
      </c>
      <c r="E121" s="2" t="s">
        <v>27</v>
      </c>
      <c r="F121" s="8" t="s">
        <v>462</v>
      </c>
      <c r="G121" s="2" t="s">
        <v>463</v>
      </c>
      <c r="H121" s="72"/>
      <c r="I121" s="72"/>
      <c r="J121" s="72" t="s">
        <v>396</v>
      </c>
      <c r="K121" s="73" t="s">
        <v>389</v>
      </c>
      <c r="L121" s="72"/>
      <c r="M121" s="72"/>
      <c r="N121" s="72" t="s">
        <v>409</v>
      </c>
      <c r="O121" s="72" t="s">
        <v>464</v>
      </c>
      <c r="P121" s="72">
        <v>70</v>
      </c>
      <c r="Q121" s="72">
        <v>150</v>
      </c>
      <c r="R121" s="72" t="s">
        <v>36</v>
      </c>
      <c r="S121" s="72"/>
      <c r="T121" s="72" t="s">
        <v>423</v>
      </c>
      <c r="U121" s="72"/>
      <c r="V121" s="5" t="s">
        <v>37</v>
      </c>
      <c r="W121" s="72" t="s">
        <v>465</v>
      </c>
    </row>
    <row r="122" spans="1:23" s="4" customFormat="1" ht="19.899999999999999" customHeight="1">
      <c r="A122" s="9">
        <v>770340021</v>
      </c>
      <c r="B122" s="2" t="s">
        <v>460</v>
      </c>
      <c r="C122" s="3" t="s">
        <v>466</v>
      </c>
      <c r="D122" s="4" t="s">
        <v>137</v>
      </c>
      <c r="E122" s="2" t="s">
        <v>27</v>
      </c>
      <c r="F122" s="8" t="s">
        <v>462</v>
      </c>
      <c r="G122" s="2" t="s">
        <v>467</v>
      </c>
      <c r="H122" s="72"/>
      <c r="I122" s="72"/>
      <c r="J122" s="72" t="s">
        <v>396</v>
      </c>
      <c r="K122" s="73" t="s">
        <v>389</v>
      </c>
      <c r="L122" s="72"/>
      <c r="M122" s="72"/>
      <c r="N122" s="72" t="s">
        <v>409</v>
      </c>
      <c r="O122" s="72" t="s">
        <v>464</v>
      </c>
      <c r="P122" s="72">
        <v>185</v>
      </c>
      <c r="Q122" s="72">
        <v>350</v>
      </c>
      <c r="R122" s="72" t="s">
        <v>36</v>
      </c>
      <c r="S122" s="72"/>
      <c r="T122" s="72" t="s">
        <v>423</v>
      </c>
      <c r="U122" s="72"/>
      <c r="V122" s="5" t="s">
        <v>37</v>
      </c>
      <c r="W122" s="72" t="s">
        <v>465</v>
      </c>
    </row>
    <row r="123" spans="1:23" s="4" customFormat="1" ht="19.899999999999999" customHeight="1">
      <c r="A123" s="1">
        <v>896330009</v>
      </c>
      <c r="B123" s="2"/>
      <c r="C123" s="3" t="s">
        <v>468</v>
      </c>
      <c r="D123" s="4" t="s">
        <v>135</v>
      </c>
      <c r="E123" s="2" t="s">
        <v>27</v>
      </c>
      <c r="F123" s="8" t="s">
        <v>469</v>
      </c>
      <c r="G123" s="2" t="s">
        <v>470</v>
      </c>
      <c r="H123" s="72"/>
      <c r="I123" s="72"/>
      <c r="J123" s="72" t="s">
        <v>403</v>
      </c>
      <c r="K123" s="73" t="s">
        <v>471</v>
      </c>
      <c r="L123" s="72"/>
      <c r="M123" s="72"/>
      <c r="N123" s="72" t="s">
        <v>409</v>
      </c>
      <c r="O123" s="72" t="s">
        <v>464</v>
      </c>
      <c r="P123" s="72">
        <v>850</v>
      </c>
      <c r="Q123" s="72">
        <v>1300</v>
      </c>
      <c r="R123" s="72" t="s">
        <v>36</v>
      </c>
      <c r="S123" s="72"/>
      <c r="T123" s="72" t="s">
        <v>76</v>
      </c>
      <c r="U123" s="72"/>
      <c r="V123" s="5" t="s">
        <v>37</v>
      </c>
      <c r="W123" s="72" t="s">
        <v>472</v>
      </c>
    </row>
    <row r="124" spans="1:23" s="4" customFormat="1" ht="19.899999999999999" customHeight="1">
      <c r="A124" s="9">
        <v>896340016</v>
      </c>
      <c r="B124" s="2"/>
      <c r="C124" s="3" t="s">
        <v>473</v>
      </c>
      <c r="D124" s="4" t="s">
        <v>137</v>
      </c>
      <c r="E124" s="2" t="s">
        <v>27</v>
      </c>
      <c r="F124" s="8" t="s">
        <v>474</v>
      </c>
      <c r="G124" s="2" t="s">
        <v>475</v>
      </c>
      <c r="H124" s="72"/>
      <c r="I124" s="72"/>
      <c r="J124" s="72" t="s">
        <v>403</v>
      </c>
      <c r="K124" s="73" t="s">
        <v>471</v>
      </c>
      <c r="L124" s="72"/>
      <c r="M124" s="72"/>
      <c r="N124" s="72" t="s">
        <v>409</v>
      </c>
      <c r="O124" s="72" t="s">
        <v>464</v>
      </c>
      <c r="P124" s="72">
        <v>120</v>
      </c>
      <c r="Q124" s="72">
        <v>250</v>
      </c>
      <c r="R124" s="72" t="s">
        <v>90</v>
      </c>
      <c r="S124" s="72"/>
      <c r="T124" s="72" t="s">
        <v>76</v>
      </c>
      <c r="U124" s="72"/>
      <c r="V124" s="5" t="s">
        <v>37</v>
      </c>
      <c r="W124" s="72" t="s">
        <v>476</v>
      </c>
    </row>
    <row r="125" spans="1:23" s="4" customFormat="1" ht="19.899999999999999" customHeight="1">
      <c r="A125" s="9">
        <v>896340018</v>
      </c>
      <c r="B125" s="2"/>
      <c r="C125" s="3" t="s">
        <v>477</v>
      </c>
      <c r="D125" s="4" t="s">
        <v>137</v>
      </c>
      <c r="E125" s="2" t="s">
        <v>27</v>
      </c>
      <c r="F125" s="8" t="s">
        <v>474</v>
      </c>
      <c r="G125" s="2" t="s">
        <v>478</v>
      </c>
      <c r="H125" s="72"/>
      <c r="I125" s="72"/>
      <c r="J125" s="72" t="s">
        <v>403</v>
      </c>
      <c r="K125" s="73" t="s">
        <v>471</v>
      </c>
      <c r="L125" s="72"/>
      <c r="M125" s="72"/>
      <c r="N125" s="72" t="s">
        <v>409</v>
      </c>
      <c r="O125" s="72" t="s">
        <v>464</v>
      </c>
      <c r="P125" s="72">
        <v>75</v>
      </c>
      <c r="Q125" s="72">
        <v>150</v>
      </c>
      <c r="R125" s="72" t="s">
        <v>90</v>
      </c>
      <c r="S125" s="72"/>
      <c r="T125" s="72" t="s">
        <v>76</v>
      </c>
      <c r="U125" s="72"/>
      <c r="V125" s="5" t="s">
        <v>37</v>
      </c>
      <c r="W125" s="72" t="s">
        <v>476</v>
      </c>
    </row>
    <row r="126" spans="1:23" s="4" customFormat="1" ht="19.899999999999999" customHeight="1">
      <c r="A126" s="9">
        <v>772340011</v>
      </c>
      <c r="B126" s="2" t="s">
        <v>479</v>
      </c>
      <c r="C126" s="3" t="s">
        <v>480</v>
      </c>
      <c r="D126" s="4" t="s">
        <v>137</v>
      </c>
      <c r="E126" s="2" t="s">
        <v>303</v>
      </c>
      <c r="F126" s="8" t="s">
        <v>481</v>
      </c>
      <c r="G126" s="2" t="s">
        <v>482</v>
      </c>
      <c r="H126" s="72"/>
      <c r="I126" s="72"/>
      <c r="J126" s="72" t="s">
        <v>396</v>
      </c>
      <c r="K126" s="73" t="s">
        <v>455</v>
      </c>
      <c r="L126" s="72"/>
      <c r="M126" s="72"/>
      <c r="N126" s="72" t="s">
        <v>409</v>
      </c>
      <c r="O126" s="72" t="s">
        <v>464</v>
      </c>
      <c r="P126" s="72">
        <v>320</v>
      </c>
      <c r="Q126" s="72">
        <v>450</v>
      </c>
      <c r="R126" s="72" t="s">
        <v>36</v>
      </c>
      <c r="S126" s="72"/>
      <c r="T126" s="72" t="s">
        <v>76</v>
      </c>
      <c r="U126" s="72"/>
      <c r="V126" s="5" t="s">
        <v>37</v>
      </c>
      <c r="W126" s="72" t="s">
        <v>483</v>
      </c>
    </row>
    <row r="127" spans="1:23" s="4" customFormat="1" ht="19.899999999999999" customHeight="1">
      <c r="A127" s="9">
        <v>772340015</v>
      </c>
      <c r="B127" s="2" t="s">
        <v>479</v>
      </c>
      <c r="C127" s="3" t="s">
        <v>484</v>
      </c>
      <c r="D127" s="4" t="s">
        <v>137</v>
      </c>
      <c r="E127" s="2" t="s">
        <v>303</v>
      </c>
      <c r="F127" s="8" t="s">
        <v>481</v>
      </c>
      <c r="G127" s="2" t="s">
        <v>485</v>
      </c>
      <c r="H127" s="72"/>
      <c r="I127" s="72"/>
      <c r="J127" s="72" t="s">
        <v>396</v>
      </c>
      <c r="K127" s="73" t="s">
        <v>455</v>
      </c>
      <c r="L127" s="72"/>
      <c r="M127" s="72"/>
      <c r="N127" s="72" t="s">
        <v>409</v>
      </c>
      <c r="O127" s="72" t="s">
        <v>464</v>
      </c>
      <c r="P127" s="72">
        <v>320</v>
      </c>
      <c r="Q127" s="72">
        <v>450</v>
      </c>
      <c r="R127" s="72" t="s">
        <v>36</v>
      </c>
      <c r="S127" s="72"/>
      <c r="T127" s="72" t="s">
        <v>76</v>
      </c>
      <c r="U127" s="72"/>
      <c r="V127" s="5" t="s">
        <v>37</v>
      </c>
      <c r="W127" s="72" t="s">
        <v>483</v>
      </c>
    </row>
    <row r="128" spans="1:23" s="4" customFormat="1" ht="19.899999999999999" customHeight="1">
      <c r="A128" s="9">
        <v>772340008</v>
      </c>
      <c r="B128" s="2" t="s">
        <v>479</v>
      </c>
      <c r="C128" s="3" t="s">
        <v>486</v>
      </c>
      <c r="D128" s="4" t="s">
        <v>137</v>
      </c>
      <c r="E128" s="2" t="s">
        <v>303</v>
      </c>
      <c r="F128" s="8" t="s">
        <v>481</v>
      </c>
      <c r="G128" s="2" t="s">
        <v>487</v>
      </c>
      <c r="H128" s="72"/>
      <c r="I128" s="72"/>
      <c r="J128" s="72" t="s">
        <v>396</v>
      </c>
      <c r="K128" s="73" t="s">
        <v>455</v>
      </c>
      <c r="L128" s="72"/>
      <c r="M128" s="72"/>
      <c r="N128" s="72" t="s">
        <v>409</v>
      </c>
      <c r="O128" s="72" t="s">
        <v>464</v>
      </c>
      <c r="P128" s="72">
        <v>320</v>
      </c>
      <c r="Q128" s="72">
        <v>450</v>
      </c>
      <c r="R128" s="72" t="s">
        <v>36</v>
      </c>
      <c r="S128" s="72"/>
      <c r="T128" s="72" t="s">
        <v>76</v>
      </c>
      <c r="U128" s="72"/>
      <c r="V128" s="5" t="s">
        <v>37</v>
      </c>
      <c r="W128" s="72" t="s">
        <v>483</v>
      </c>
    </row>
    <row r="129" spans="1:23" s="4" customFormat="1" ht="19.899999999999999" customHeight="1">
      <c r="A129" s="9">
        <v>772340009</v>
      </c>
      <c r="B129" s="2" t="s">
        <v>479</v>
      </c>
      <c r="C129" s="3" t="s">
        <v>488</v>
      </c>
      <c r="D129" s="4" t="s">
        <v>137</v>
      </c>
      <c r="E129" s="2" t="s">
        <v>303</v>
      </c>
      <c r="F129" s="8" t="s">
        <v>481</v>
      </c>
      <c r="G129" s="2" t="s">
        <v>489</v>
      </c>
      <c r="H129" s="72"/>
      <c r="I129" s="72"/>
      <c r="J129" s="72" t="s">
        <v>396</v>
      </c>
      <c r="K129" s="73" t="s">
        <v>455</v>
      </c>
      <c r="L129" s="72"/>
      <c r="M129" s="72"/>
      <c r="N129" s="72" t="s">
        <v>409</v>
      </c>
      <c r="O129" s="72" t="s">
        <v>464</v>
      </c>
      <c r="P129" s="72">
        <v>320</v>
      </c>
      <c r="Q129" s="72">
        <v>450</v>
      </c>
      <c r="R129" s="72" t="s">
        <v>36</v>
      </c>
      <c r="S129" s="72"/>
      <c r="T129" s="72" t="s">
        <v>76</v>
      </c>
      <c r="U129" s="72"/>
      <c r="V129" s="5" t="s">
        <v>37</v>
      </c>
      <c r="W129" s="72" t="s">
        <v>483</v>
      </c>
    </row>
    <row r="130" spans="1:23" s="4" customFormat="1" ht="19.899999999999999" customHeight="1">
      <c r="A130" s="9">
        <v>772340014</v>
      </c>
      <c r="B130" s="2" t="s">
        <v>479</v>
      </c>
      <c r="C130" s="3" t="s">
        <v>490</v>
      </c>
      <c r="D130" s="4" t="s">
        <v>137</v>
      </c>
      <c r="E130" s="2" t="s">
        <v>303</v>
      </c>
      <c r="F130" s="8" t="s">
        <v>481</v>
      </c>
      <c r="G130" s="2" t="s">
        <v>482</v>
      </c>
      <c r="H130" s="72"/>
      <c r="I130" s="72"/>
      <c r="J130" s="72" t="s">
        <v>396</v>
      </c>
      <c r="K130" s="73" t="s">
        <v>455</v>
      </c>
      <c r="L130" s="72"/>
      <c r="M130" s="72"/>
      <c r="N130" s="72" t="s">
        <v>409</v>
      </c>
      <c r="O130" s="72" t="s">
        <v>464</v>
      </c>
      <c r="P130" s="72">
        <v>320</v>
      </c>
      <c r="Q130" s="72">
        <v>450</v>
      </c>
      <c r="R130" s="72" t="s">
        <v>36</v>
      </c>
      <c r="S130" s="72"/>
      <c r="T130" s="72" t="s">
        <v>76</v>
      </c>
      <c r="U130" s="72"/>
      <c r="V130" s="5" t="s">
        <v>37</v>
      </c>
      <c r="W130" s="72" t="s">
        <v>483</v>
      </c>
    </row>
    <row r="131" spans="1:23" s="4" customFormat="1" ht="19.899999999999999" customHeight="1">
      <c r="A131" s="9">
        <v>772340013</v>
      </c>
      <c r="B131" s="2" t="s">
        <v>479</v>
      </c>
      <c r="C131" s="3" t="s">
        <v>491</v>
      </c>
      <c r="D131" s="4" t="s">
        <v>137</v>
      </c>
      <c r="E131" s="2" t="s">
        <v>303</v>
      </c>
      <c r="F131" s="8" t="s">
        <v>481</v>
      </c>
      <c r="G131" s="2" t="s">
        <v>485</v>
      </c>
      <c r="H131" s="72"/>
      <c r="I131" s="72"/>
      <c r="J131" s="72" t="s">
        <v>396</v>
      </c>
      <c r="K131" s="73" t="s">
        <v>455</v>
      </c>
      <c r="L131" s="72"/>
      <c r="M131" s="72"/>
      <c r="N131" s="72" t="s">
        <v>409</v>
      </c>
      <c r="O131" s="72" t="s">
        <v>464</v>
      </c>
      <c r="P131" s="72">
        <v>320</v>
      </c>
      <c r="Q131" s="72">
        <v>450</v>
      </c>
      <c r="R131" s="72" t="s">
        <v>36</v>
      </c>
      <c r="S131" s="72"/>
      <c r="T131" s="72" t="s">
        <v>76</v>
      </c>
      <c r="U131" s="72"/>
      <c r="V131" s="5" t="s">
        <v>37</v>
      </c>
      <c r="W131" s="72" t="s">
        <v>483</v>
      </c>
    </row>
    <row r="132" spans="1:23" s="4" customFormat="1" ht="19.899999999999999" customHeight="1">
      <c r="A132" s="9">
        <v>772340012</v>
      </c>
      <c r="B132" s="2" t="s">
        <v>479</v>
      </c>
      <c r="C132" s="3" t="s">
        <v>492</v>
      </c>
      <c r="D132" s="4" t="s">
        <v>137</v>
      </c>
      <c r="E132" s="2" t="s">
        <v>303</v>
      </c>
      <c r="F132" s="8" t="s">
        <v>481</v>
      </c>
      <c r="G132" s="2" t="s">
        <v>493</v>
      </c>
      <c r="H132" s="72"/>
      <c r="I132" s="72"/>
      <c r="J132" s="72" t="s">
        <v>396</v>
      </c>
      <c r="K132" s="73" t="s">
        <v>455</v>
      </c>
      <c r="L132" s="72"/>
      <c r="M132" s="72"/>
      <c r="N132" s="72" t="s">
        <v>409</v>
      </c>
      <c r="O132" s="72" t="s">
        <v>464</v>
      </c>
      <c r="P132" s="72">
        <v>320</v>
      </c>
      <c r="Q132" s="72">
        <v>450</v>
      </c>
      <c r="R132" s="72" t="s">
        <v>36</v>
      </c>
      <c r="S132" s="72"/>
      <c r="T132" s="72" t="s">
        <v>76</v>
      </c>
      <c r="U132" s="72"/>
      <c r="V132" s="5" t="s">
        <v>37</v>
      </c>
      <c r="W132" s="72" t="s">
        <v>483</v>
      </c>
    </row>
    <row r="133" spans="1:23" s="4" customFormat="1" ht="19.899999999999999" customHeight="1">
      <c r="A133" s="9">
        <v>772340006</v>
      </c>
      <c r="B133" s="2" t="s">
        <v>479</v>
      </c>
      <c r="C133" s="3" t="s">
        <v>494</v>
      </c>
      <c r="D133" s="4" t="s">
        <v>137</v>
      </c>
      <c r="E133" s="2" t="s">
        <v>303</v>
      </c>
      <c r="F133" s="8" t="s">
        <v>481</v>
      </c>
      <c r="G133" s="2" t="s">
        <v>485</v>
      </c>
      <c r="H133" s="72"/>
      <c r="I133" s="72"/>
      <c r="J133" s="72" t="s">
        <v>396</v>
      </c>
      <c r="K133" s="73" t="s">
        <v>455</v>
      </c>
      <c r="L133" s="72"/>
      <c r="M133" s="72"/>
      <c r="N133" s="72" t="s">
        <v>409</v>
      </c>
      <c r="O133" s="72" t="s">
        <v>464</v>
      </c>
      <c r="P133" s="72">
        <v>320</v>
      </c>
      <c r="Q133" s="72">
        <v>450</v>
      </c>
      <c r="R133" s="72" t="s">
        <v>36</v>
      </c>
      <c r="S133" s="72"/>
      <c r="T133" s="72" t="s">
        <v>76</v>
      </c>
      <c r="U133" s="72"/>
      <c r="V133" s="5" t="s">
        <v>37</v>
      </c>
      <c r="W133" s="72" t="s">
        <v>483</v>
      </c>
    </row>
    <row r="134" spans="1:23" s="4" customFormat="1" ht="19.899999999999999" customHeight="1">
      <c r="A134" s="9">
        <v>556130026</v>
      </c>
      <c r="B134" s="2"/>
      <c r="C134" s="3" t="s">
        <v>495</v>
      </c>
      <c r="D134" s="4" t="s">
        <v>135</v>
      </c>
      <c r="E134" s="2" t="s">
        <v>27</v>
      </c>
      <c r="F134" s="8" t="s">
        <v>496</v>
      </c>
      <c r="G134" s="2" t="s">
        <v>497</v>
      </c>
      <c r="H134" s="72"/>
      <c r="I134" s="72"/>
      <c r="J134" s="72" t="s">
        <v>396</v>
      </c>
      <c r="K134" s="73" t="s">
        <v>404</v>
      </c>
      <c r="L134" s="72"/>
      <c r="M134" s="72"/>
      <c r="N134" s="72" t="s">
        <v>409</v>
      </c>
      <c r="O134" s="72" t="s">
        <v>464</v>
      </c>
      <c r="P134" s="72">
        <v>200</v>
      </c>
      <c r="Q134" s="72">
        <v>350</v>
      </c>
      <c r="R134" s="72" t="s">
        <v>36</v>
      </c>
      <c r="S134" s="72"/>
      <c r="T134" s="72" t="s">
        <v>76</v>
      </c>
      <c r="U134" s="72"/>
      <c r="V134" s="5" t="s">
        <v>37</v>
      </c>
      <c r="W134" s="72" t="s">
        <v>763</v>
      </c>
    </row>
    <row r="135" spans="1:23" s="4" customFormat="1" ht="19.899999999999999" customHeight="1">
      <c r="A135" s="9">
        <v>556130019</v>
      </c>
      <c r="B135" s="2"/>
      <c r="C135" s="3" t="s">
        <v>498</v>
      </c>
      <c r="D135" s="4" t="s">
        <v>135</v>
      </c>
      <c r="E135" s="2" t="s">
        <v>27</v>
      </c>
      <c r="F135" s="8" t="s">
        <v>496</v>
      </c>
      <c r="G135" s="2" t="s">
        <v>499</v>
      </c>
      <c r="H135" s="72"/>
      <c r="I135" s="72"/>
      <c r="J135" s="72" t="s">
        <v>396</v>
      </c>
      <c r="K135" s="73" t="s">
        <v>404</v>
      </c>
      <c r="L135" s="72"/>
      <c r="M135" s="72"/>
      <c r="N135" s="72" t="s">
        <v>409</v>
      </c>
      <c r="O135" s="72" t="s">
        <v>464</v>
      </c>
      <c r="P135" s="72">
        <v>259</v>
      </c>
      <c r="Q135" s="72">
        <v>395</v>
      </c>
      <c r="R135" s="72" t="s">
        <v>36</v>
      </c>
      <c r="S135" s="72"/>
      <c r="T135" s="72" t="s">
        <v>76</v>
      </c>
      <c r="U135" s="72"/>
      <c r="V135" s="5" t="s">
        <v>37</v>
      </c>
      <c r="W135" s="72" t="s">
        <v>763</v>
      </c>
    </row>
    <row r="136" spans="1:23" s="4" customFormat="1" ht="19.899999999999999" customHeight="1">
      <c r="A136" s="9">
        <v>552340011</v>
      </c>
      <c r="B136" s="2" t="s">
        <v>500</v>
      </c>
      <c r="C136" s="3" t="s">
        <v>501</v>
      </c>
      <c r="D136" s="4" t="s">
        <v>137</v>
      </c>
      <c r="E136" s="2" t="s">
        <v>437</v>
      </c>
      <c r="F136" s="8" t="s">
        <v>502</v>
      </c>
      <c r="G136" s="2" t="s">
        <v>503</v>
      </c>
      <c r="H136" s="72"/>
      <c r="I136" s="72"/>
      <c r="J136" s="72" t="s">
        <v>396</v>
      </c>
      <c r="K136" s="73" t="s">
        <v>504</v>
      </c>
      <c r="L136" s="72" t="s">
        <v>505</v>
      </c>
      <c r="M136" s="72" t="s">
        <v>506</v>
      </c>
      <c r="N136" s="72" t="s">
        <v>409</v>
      </c>
      <c r="O136" s="72" t="s">
        <v>464</v>
      </c>
      <c r="P136" s="72">
        <v>80</v>
      </c>
      <c r="Q136" s="72">
        <v>190</v>
      </c>
      <c r="R136" s="72" t="s">
        <v>90</v>
      </c>
      <c r="S136" s="72"/>
      <c r="T136" s="72" t="s">
        <v>76</v>
      </c>
      <c r="U136" s="72"/>
      <c r="V136" s="5" t="s">
        <v>37</v>
      </c>
      <c r="W136" s="72" t="s">
        <v>507</v>
      </c>
    </row>
    <row r="137" spans="1:23" s="4" customFormat="1" ht="19.899999999999999" customHeight="1">
      <c r="A137" s="9">
        <v>440330038</v>
      </c>
      <c r="B137" s="2"/>
      <c r="C137" s="3" t="s">
        <v>508</v>
      </c>
      <c r="D137" s="4" t="s">
        <v>135</v>
      </c>
      <c r="E137" s="2" t="s">
        <v>86</v>
      </c>
      <c r="F137" s="8" t="s">
        <v>509</v>
      </c>
      <c r="G137" s="2" t="s">
        <v>510</v>
      </c>
      <c r="H137" s="72"/>
      <c r="I137" s="72"/>
      <c r="J137" s="72" t="s">
        <v>396</v>
      </c>
      <c r="K137" s="73" t="s">
        <v>505</v>
      </c>
      <c r="L137" s="72"/>
      <c r="M137" s="72"/>
      <c r="N137" s="72" t="s">
        <v>409</v>
      </c>
      <c r="O137" s="72" t="s">
        <v>464</v>
      </c>
      <c r="P137" s="72">
        <v>250</v>
      </c>
      <c r="Q137" s="72">
        <v>350</v>
      </c>
      <c r="R137" s="72" t="s">
        <v>36</v>
      </c>
      <c r="S137" s="72"/>
      <c r="T137" s="72" t="s">
        <v>76</v>
      </c>
      <c r="U137" s="72"/>
      <c r="V137" s="5" t="s">
        <v>37</v>
      </c>
      <c r="W137" s="72" t="s">
        <v>511</v>
      </c>
    </row>
    <row r="138" spans="1:23" s="4" customFormat="1" ht="19.899999999999999" customHeight="1">
      <c r="A138" s="9">
        <v>112350026</v>
      </c>
      <c r="B138" s="2"/>
      <c r="C138" s="3" t="s">
        <v>512</v>
      </c>
      <c r="D138" s="4" t="s">
        <v>762</v>
      </c>
      <c r="E138" s="2" t="s">
        <v>157</v>
      </c>
      <c r="F138" s="8" t="s">
        <v>513</v>
      </c>
      <c r="G138" s="11" t="s">
        <v>514</v>
      </c>
      <c r="H138" s="72"/>
      <c r="I138" s="72"/>
      <c r="J138" s="72" t="s">
        <v>515</v>
      </c>
      <c r="K138" s="73" t="s">
        <v>31</v>
      </c>
      <c r="L138" s="72"/>
      <c r="M138" s="72"/>
      <c r="N138" s="72" t="s">
        <v>409</v>
      </c>
      <c r="O138" s="72" t="s">
        <v>516</v>
      </c>
      <c r="P138" s="72">
        <v>102</v>
      </c>
      <c r="Q138" s="72">
        <v>150</v>
      </c>
      <c r="R138" s="72" t="s">
        <v>36</v>
      </c>
      <c r="S138" s="72"/>
      <c r="T138" s="72" t="s">
        <v>76</v>
      </c>
      <c r="U138" s="72"/>
      <c r="V138" s="5" t="s">
        <v>37</v>
      </c>
      <c r="W138" s="72" t="s">
        <v>517</v>
      </c>
    </row>
    <row r="139" spans="1:23" s="4" customFormat="1" ht="19.899999999999999" customHeight="1">
      <c r="A139" s="9">
        <v>112350025</v>
      </c>
      <c r="B139" s="2"/>
      <c r="C139" s="3" t="s">
        <v>518</v>
      </c>
      <c r="D139" s="4" t="s">
        <v>762</v>
      </c>
      <c r="E139" s="2" t="s">
        <v>55</v>
      </c>
      <c r="F139" s="8" t="s">
        <v>513</v>
      </c>
      <c r="G139" s="11" t="s">
        <v>514</v>
      </c>
      <c r="H139" s="72"/>
      <c r="I139" s="72"/>
      <c r="J139" s="72" t="s">
        <v>515</v>
      </c>
      <c r="K139" s="73" t="s">
        <v>31</v>
      </c>
      <c r="L139" s="72"/>
      <c r="M139" s="72"/>
      <c r="N139" s="72" t="s">
        <v>409</v>
      </c>
      <c r="O139" s="72" t="s">
        <v>516</v>
      </c>
      <c r="P139" s="72">
        <v>102</v>
      </c>
      <c r="Q139" s="72">
        <v>150</v>
      </c>
      <c r="R139" s="72" t="s">
        <v>36</v>
      </c>
      <c r="S139" s="72"/>
      <c r="T139" s="72" t="s">
        <v>76</v>
      </c>
      <c r="U139" s="72"/>
      <c r="V139" s="5" t="s">
        <v>37</v>
      </c>
      <c r="W139" s="72" t="s">
        <v>517</v>
      </c>
    </row>
    <row r="140" spans="1:23" s="4" customFormat="1" ht="19.899999999999999" customHeight="1">
      <c r="A140" s="9">
        <v>112350031</v>
      </c>
      <c r="B140" s="2"/>
      <c r="C140" s="3" t="s">
        <v>519</v>
      </c>
      <c r="D140" s="4" t="s">
        <v>762</v>
      </c>
      <c r="E140" s="2" t="s">
        <v>174</v>
      </c>
      <c r="F140" s="8" t="s">
        <v>520</v>
      </c>
      <c r="G140" s="2" t="s">
        <v>521</v>
      </c>
      <c r="H140" s="72"/>
      <c r="I140" s="72"/>
      <c r="J140" s="72" t="s">
        <v>515</v>
      </c>
      <c r="K140" s="73" t="s">
        <v>31</v>
      </c>
      <c r="L140" s="72"/>
      <c r="M140" s="72"/>
      <c r="N140" s="72" t="s">
        <v>409</v>
      </c>
      <c r="O140" s="72" t="s">
        <v>516</v>
      </c>
      <c r="P140" s="72">
        <v>28</v>
      </c>
      <c r="Q140" s="72">
        <v>35</v>
      </c>
      <c r="R140" s="72" t="s">
        <v>36</v>
      </c>
      <c r="S140" s="72"/>
      <c r="T140" s="72" t="s">
        <v>76</v>
      </c>
      <c r="U140" s="72"/>
      <c r="V140" s="5" t="s">
        <v>37</v>
      </c>
      <c r="W140" s="72" t="s">
        <v>517</v>
      </c>
    </row>
    <row r="141" spans="1:23" s="4" customFormat="1" ht="19.899999999999999" customHeight="1">
      <c r="A141" s="9">
        <v>112350027</v>
      </c>
      <c r="B141" s="2"/>
      <c r="C141" s="3" t="s">
        <v>522</v>
      </c>
      <c r="D141" s="4" t="s">
        <v>762</v>
      </c>
      <c r="E141" s="2" t="s">
        <v>55</v>
      </c>
      <c r="F141" s="8" t="s">
        <v>523</v>
      </c>
      <c r="G141" s="2" t="s">
        <v>524</v>
      </c>
      <c r="H141" s="72"/>
      <c r="I141" s="72"/>
      <c r="J141" s="72" t="s">
        <v>515</v>
      </c>
      <c r="K141" s="73" t="s">
        <v>31</v>
      </c>
      <c r="L141" s="72"/>
      <c r="M141" s="72"/>
      <c r="N141" s="72" t="s">
        <v>409</v>
      </c>
      <c r="O141" s="72" t="s">
        <v>516</v>
      </c>
      <c r="P141" s="72">
        <v>175</v>
      </c>
      <c r="Q141" s="72">
        <v>250</v>
      </c>
      <c r="R141" s="72" t="s">
        <v>36</v>
      </c>
      <c r="S141" s="72"/>
      <c r="T141" s="72" t="s">
        <v>76</v>
      </c>
      <c r="U141" s="72"/>
      <c r="V141" s="5" t="s">
        <v>37</v>
      </c>
      <c r="W141" s="72" t="s">
        <v>517</v>
      </c>
    </row>
    <row r="142" spans="1:23" s="4" customFormat="1" ht="19.899999999999999" customHeight="1">
      <c r="A142" s="9">
        <v>112350028</v>
      </c>
      <c r="B142" s="2"/>
      <c r="C142" s="3" t="s">
        <v>525</v>
      </c>
      <c r="D142" s="4" t="s">
        <v>762</v>
      </c>
      <c r="E142" s="2" t="s">
        <v>55</v>
      </c>
      <c r="F142" s="8" t="s">
        <v>526</v>
      </c>
      <c r="G142" s="2" t="s">
        <v>524</v>
      </c>
      <c r="H142" s="72"/>
      <c r="I142" s="72"/>
      <c r="J142" s="72" t="s">
        <v>515</v>
      </c>
      <c r="K142" s="73" t="s">
        <v>31</v>
      </c>
      <c r="L142" s="72"/>
      <c r="M142" s="72"/>
      <c r="N142" s="72" t="s">
        <v>409</v>
      </c>
      <c r="O142" s="72" t="s">
        <v>516</v>
      </c>
      <c r="P142" s="72">
        <v>175</v>
      </c>
      <c r="Q142" s="72">
        <v>250</v>
      </c>
      <c r="R142" s="72" t="s">
        <v>36</v>
      </c>
      <c r="S142" s="72"/>
      <c r="T142" s="72" t="s">
        <v>76</v>
      </c>
      <c r="U142" s="72"/>
      <c r="V142" s="5" t="s">
        <v>37</v>
      </c>
      <c r="W142" s="72" t="s">
        <v>517</v>
      </c>
    </row>
    <row r="143" spans="1:23" s="4" customFormat="1" ht="19.899999999999999" customHeight="1">
      <c r="A143" s="9">
        <v>112350029</v>
      </c>
      <c r="B143" s="2"/>
      <c r="C143" s="3" t="s">
        <v>527</v>
      </c>
      <c r="D143" s="4" t="s">
        <v>762</v>
      </c>
      <c r="E143" s="2" t="s">
        <v>174</v>
      </c>
      <c r="F143" s="8" t="s">
        <v>523</v>
      </c>
      <c r="G143" s="2" t="s">
        <v>524</v>
      </c>
      <c r="H143" s="72"/>
      <c r="I143" s="72"/>
      <c r="J143" s="72" t="s">
        <v>515</v>
      </c>
      <c r="K143" s="73" t="s">
        <v>31</v>
      </c>
      <c r="L143" s="72"/>
      <c r="M143" s="72"/>
      <c r="N143" s="72" t="s">
        <v>409</v>
      </c>
      <c r="O143" s="72" t="s">
        <v>516</v>
      </c>
      <c r="P143" s="72">
        <v>110</v>
      </c>
      <c r="Q143" s="72">
        <v>150</v>
      </c>
      <c r="R143" s="72" t="s">
        <v>36</v>
      </c>
      <c r="S143" s="72"/>
      <c r="T143" s="72" t="s">
        <v>76</v>
      </c>
      <c r="U143" s="72"/>
      <c r="V143" s="5" t="s">
        <v>37</v>
      </c>
      <c r="W143" s="72" t="s">
        <v>517</v>
      </c>
    </row>
    <row r="144" spans="1:23" s="4" customFormat="1" ht="19.899999999999999" customHeight="1">
      <c r="A144" s="9">
        <v>112350030</v>
      </c>
      <c r="B144" s="2"/>
      <c r="C144" s="3" t="s">
        <v>528</v>
      </c>
      <c r="D144" s="4" t="s">
        <v>762</v>
      </c>
      <c r="E144" s="2" t="s">
        <v>55</v>
      </c>
      <c r="F144" s="8" t="s">
        <v>526</v>
      </c>
      <c r="G144" s="2" t="s">
        <v>524</v>
      </c>
      <c r="H144" s="72"/>
      <c r="I144" s="72"/>
      <c r="J144" s="72" t="s">
        <v>515</v>
      </c>
      <c r="K144" s="73" t="s">
        <v>31</v>
      </c>
      <c r="L144" s="72"/>
      <c r="M144" s="72"/>
      <c r="N144" s="72" t="s">
        <v>409</v>
      </c>
      <c r="O144" s="72" t="s">
        <v>516</v>
      </c>
      <c r="P144" s="72">
        <v>110</v>
      </c>
      <c r="Q144" s="72">
        <v>150</v>
      </c>
      <c r="R144" s="72" t="s">
        <v>36</v>
      </c>
      <c r="S144" s="72"/>
      <c r="T144" s="72" t="s">
        <v>76</v>
      </c>
      <c r="U144" s="72"/>
      <c r="V144" s="5" t="s">
        <v>37</v>
      </c>
      <c r="W144" s="72" t="s">
        <v>517</v>
      </c>
    </row>
    <row r="145" spans="1:23" s="4" customFormat="1" ht="19.899999999999999" customHeight="1">
      <c r="A145" s="9">
        <v>331330028</v>
      </c>
      <c r="B145" s="2"/>
      <c r="C145" s="3" t="s">
        <v>529</v>
      </c>
      <c r="D145" s="4" t="s">
        <v>135</v>
      </c>
      <c r="E145" s="2" t="s">
        <v>86</v>
      </c>
      <c r="F145" s="8" t="s">
        <v>530</v>
      </c>
      <c r="G145" s="2" t="s">
        <v>531</v>
      </c>
      <c r="H145" s="72"/>
      <c r="I145" s="72"/>
      <c r="J145" s="72" t="s">
        <v>396</v>
      </c>
      <c r="K145" s="73" t="s">
        <v>404</v>
      </c>
      <c r="L145" s="72"/>
      <c r="M145" s="72"/>
      <c r="N145" s="72" t="s">
        <v>409</v>
      </c>
      <c r="O145" s="72" t="s">
        <v>312</v>
      </c>
      <c r="P145" s="72">
        <v>200</v>
      </c>
      <c r="Q145" s="72">
        <v>350</v>
      </c>
      <c r="R145" s="72" t="s">
        <v>36</v>
      </c>
      <c r="S145" s="72"/>
      <c r="T145" s="72" t="s">
        <v>76</v>
      </c>
      <c r="U145" s="72"/>
      <c r="V145" s="5" t="s">
        <v>37</v>
      </c>
      <c r="W145" s="72" t="s">
        <v>532</v>
      </c>
    </row>
    <row r="146" spans="1:23" s="4" customFormat="1" ht="19.899999999999999" customHeight="1">
      <c r="A146" s="9">
        <v>564330017</v>
      </c>
      <c r="B146" s="2"/>
      <c r="C146" s="3" t="s">
        <v>533</v>
      </c>
      <c r="D146" s="4" t="s">
        <v>135</v>
      </c>
      <c r="E146" s="2" t="s">
        <v>27</v>
      </c>
      <c r="F146" s="8" t="s">
        <v>534</v>
      </c>
      <c r="G146" s="2" t="s">
        <v>535</v>
      </c>
      <c r="H146" s="72"/>
      <c r="I146" s="72"/>
      <c r="J146" s="72" t="s">
        <v>396</v>
      </c>
      <c r="K146" s="73" t="s">
        <v>389</v>
      </c>
      <c r="L146" s="72"/>
      <c r="M146" s="72"/>
      <c r="N146" s="72" t="s">
        <v>409</v>
      </c>
      <c r="O146" s="72" t="s">
        <v>516</v>
      </c>
      <c r="P146" s="72">
        <v>350</v>
      </c>
      <c r="Q146" s="72">
        <v>490</v>
      </c>
      <c r="R146" s="72" t="s">
        <v>36</v>
      </c>
      <c r="S146" s="72"/>
      <c r="T146" s="72" t="s">
        <v>76</v>
      </c>
      <c r="U146" s="72"/>
      <c r="V146" s="5" t="s">
        <v>37</v>
      </c>
      <c r="W146" s="72" t="s">
        <v>536</v>
      </c>
    </row>
    <row r="147" spans="1:23" s="4" customFormat="1" ht="19.899999999999999" customHeight="1">
      <c r="A147" s="9">
        <v>564330002</v>
      </c>
      <c r="B147" s="2"/>
      <c r="C147" s="3" t="s">
        <v>537</v>
      </c>
      <c r="D147" s="4" t="s">
        <v>135</v>
      </c>
      <c r="E147" s="2" t="s">
        <v>27</v>
      </c>
      <c r="F147" s="8" t="s">
        <v>538</v>
      </c>
      <c r="G147" s="2" t="s">
        <v>539</v>
      </c>
      <c r="H147" s="72"/>
      <c r="I147" s="72"/>
      <c r="J147" s="72" t="s">
        <v>396</v>
      </c>
      <c r="K147" s="73" t="s">
        <v>389</v>
      </c>
      <c r="L147" s="72"/>
      <c r="M147" s="72"/>
      <c r="N147" s="72" t="s">
        <v>409</v>
      </c>
      <c r="O147" s="72" t="s">
        <v>516</v>
      </c>
      <c r="P147" s="72">
        <v>150</v>
      </c>
      <c r="Q147" s="72">
        <v>300</v>
      </c>
      <c r="R147" s="72" t="s">
        <v>36</v>
      </c>
      <c r="S147" s="72"/>
      <c r="T147" s="72" t="s">
        <v>76</v>
      </c>
      <c r="U147" s="72"/>
      <c r="V147" s="5" t="s">
        <v>37</v>
      </c>
      <c r="W147" s="72" t="s">
        <v>536</v>
      </c>
    </row>
    <row r="148" spans="1:23" s="4" customFormat="1" ht="19.899999999999999" customHeight="1">
      <c r="A148" s="9">
        <v>448330008</v>
      </c>
      <c r="B148" s="2"/>
      <c r="C148" s="3" t="s">
        <v>540</v>
      </c>
      <c r="D148" s="4" t="s">
        <v>135</v>
      </c>
      <c r="E148" s="2" t="s">
        <v>27</v>
      </c>
      <c r="F148" s="8" t="s">
        <v>420</v>
      </c>
      <c r="G148" s="2" t="s">
        <v>541</v>
      </c>
      <c r="H148" s="72"/>
      <c r="I148" s="72"/>
      <c r="J148" s="72" t="s">
        <v>396</v>
      </c>
      <c r="K148" s="73" t="s">
        <v>389</v>
      </c>
      <c r="L148" s="72"/>
      <c r="M148" s="72"/>
      <c r="N148" s="72" t="s">
        <v>409</v>
      </c>
      <c r="O148" s="72" t="s">
        <v>312</v>
      </c>
      <c r="P148" s="72">
        <v>80</v>
      </c>
      <c r="Q148" s="72">
        <v>150</v>
      </c>
      <c r="R148" s="72" t="s">
        <v>90</v>
      </c>
      <c r="S148" s="72"/>
      <c r="T148" s="72" t="s">
        <v>76</v>
      </c>
      <c r="U148" s="72"/>
      <c r="V148" s="5" t="s">
        <v>37</v>
      </c>
      <c r="W148" s="72" t="s">
        <v>542</v>
      </c>
    </row>
    <row r="149" spans="1:23" s="4" customFormat="1" ht="19.899999999999999" customHeight="1">
      <c r="A149" s="9">
        <v>439330015</v>
      </c>
      <c r="B149" s="2"/>
      <c r="C149" s="3" t="s">
        <v>543</v>
      </c>
      <c r="D149" s="4" t="s">
        <v>135</v>
      </c>
      <c r="E149" s="2" t="s">
        <v>303</v>
      </c>
      <c r="F149" s="8" t="s">
        <v>544</v>
      </c>
      <c r="G149" s="2" t="s">
        <v>545</v>
      </c>
      <c r="H149" s="72"/>
      <c r="I149" s="72"/>
      <c r="J149" s="72" t="s">
        <v>396</v>
      </c>
      <c r="K149" s="73" t="s">
        <v>389</v>
      </c>
      <c r="L149" s="72"/>
      <c r="M149" s="72"/>
      <c r="N149" s="72" t="s">
        <v>409</v>
      </c>
      <c r="O149" s="72" t="s">
        <v>312</v>
      </c>
      <c r="P149" s="72">
        <v>300</v>
      </c>
      <c r="Q149" s="72">
        <v>550</v>
      </c>
      <c r="R149" s="72" t="s">
        <v>36</v>
      </c>
      <c r="S149" s="72"/>
      <c r="T149" s="72" t="s">
        <v>76</v>
      </c>
      <c r="U149" s="72"/>
      <c r="V149" s="5" t="s">
        <v>37</v>
      </c>
      <c r="W149" s="72" t="s">
        <v>546</v>
      </c>
    </row>
    <row r="150" spans="1:23" s="4" customFormat="1" ht="19.899999999999999" customHeight="1">
      <c r="A150" s="9">
        <v>439330016</v>
      </c>
      <c r="B150" s="2"/>
      <c r="C150" s="3" t="s">
        <v>547</v>
      </c>
      <c r="D150" s="4" t="s">
        <v>135</v>
      </c>
      <c r="E150" s="2" t="s">
        <v>303</v>
      </c>
      <c r="F150" s="8" t="s">
        <v>412</v>
      </c>
      <c r="G150" s="2" t="s">
        <v>548</v>
      </c>
      <c r="H150" s="72"/>
      <c r="I150" s="72"/>
      <c r="J150" s="72" t="s">
        <v>396</v>
      </c>
      <c r="K150" s="73" t="s">
        <v>389</v>
      </c>
      <c r="L150" s="72"/>
      <c r="M150" s="72"/>
      <c r="N150" s="72" t="s">
        <v>409</v>
      </c>
      <c r="O150" s="72" t="s">
        <v>312</v>
      </c>
      <c r="P150" s="72">
        <v>300</v>
      </c>
      <c r="Q150" s="72">
        <v>550</v>
      </c>
      <c r="R150" s="72" t="s">
        <v>36</v>
      </c>
      <c r="S150" s="72"/>
      <c r="T150" s="72" t="s">
        <v>76</v>
      </c>
      <c r="U150" s="72"/>
      <c r="V150" s="5" t="s">
        <v>37</v>
      </c>
      <c r="W150" s="72" t="s">
        <v>546</v>
      </c>
    </row>
    <row r="151" spans="1:23" s="4" customFormat="1" ht="19.899999999999999" customHeight="1">
      <c r="A151" s="9">
        <v>335330002</v>
      </c>
      <c r="B151" s="2"/>
      <c r="C151" s="3" t="s">
        <v>549</v>
      </c>
      <c r="D151" s="4" t="s">
        <v>135</v>
      </c>
      <c r="E151" s="2" t="s">
        <v>303</v>
      </c>
      <c r="F151" s="8" t="s">
        <v>550</v>
      </c>
      <c r="G151" s="2" t="s">
        <v>545</v>
      </c>
      <c r="H151" s="72"/>
      <c r="I151" s="72"/>
      <c r="J151" s="72" t="s">
        <v>396</v>
      </c>
      <c r="K151" s="73" t="s">
        <v>389</v>
      </c>
      <c r="L151" s="72"/>
      <c r="M151" s="72"/>
      <c r="N151" s="72" t="s">
        <v>409</v>
      </c>
      <c r="O151" s="72" t="s">
        <v>312</v>
      </c>
      <c r="P151" s="72">
        <v>320</v>
      </c>
      <c r="Q151" s="72">
        <v>490</v>
      </c>
      <c r="R151" s="72" t="s">
        <v>36</v>
      </c>
      <c r="S151" s="72"/>
      <c r="T151" s="72" t="s">
        <v>76</v>
      </c>
      <c r="U151" s="72"/>
      <c r="V151" s="5" t="s">
        <v>37</v>
      </c>
      <c r="W151" s="72" t="s">
        <v>551</v>
      </c>
    </row>
    <row r="152" spans="1:23" s="4" customFormat="1" ht="19.899999999999999" customHeight="1">
      <c r="A152" s="9">
        <v>335330001</v>
      </c>
      <c r="B152" s="2"/>
      <c r="C152" s="3" t="s">
        <v>552</v>
      </c>
      <c r="D152" s="4" t="s">
        <v>135</v>
      </c>
      <c r="E152" s="2" t="s">
        <v>303</v>
      </c>
      <c r="F152" s="8" t="s">
        <v>550</v>
      </c>
      <c r="G152" s="2" t="s">
        <v>553</v>
      </c>
      <c r="H152" s="72"/>
      <c r="I152" s="72"/>
      <c r="J152" s="72" t="s">
        <v>396</v>
      </c>
      <c r="K152" s="73" t="s">
        <v>389</v>
      </c>
      <c r="L152" s="72"/>
      <c r="M152" s="72"/>
      <c r="N152" s="72" t="s">
        <v>409</v>
      </c>
      <c r="O152" s="72" t="s">
        <v>312</v>
      </c>
      <c r="P152" s="72">
        <v>300</v>
      </c>
      <c r="Q152" s="72">
        <v>450</v>
      </c>
      <c r="R152" s="72" t="s">
        <v>36</v>
      </c>
      <c r="S152" s="72"/>
      <c r="T152" s="72" t="s">
        <v>76</v>
      </c>
      <c r="U152" s="72"/>
      <c r="V152" s="5" t="s">
        <v>37</v>
      </c>
      <c r="W152" s="72" t="s">
        <v>551</v>
      </c>
    </row>
    <row r="153" spans="1:23" s="4" customFormat="1" ht="19.899999999999999" customHeight="1">
      <c r="A153" s="9">
        <v>335310018</v>
      </c>
      <c r="B153" s="2"/>
      <c r="C153" s="3" t="s">
        <v>554</v>
      </c>
      <c r="D153" s="4" t="s">
        <v>136</v>
      </c>
      <c r="E153" s="2" t="s">
        <v>555</v>
      </c>
      <c r="F153" s="8" t="s">
        <v>556</v>
      </c>
      <c r="G153" s="2" t="s">
        <v>557</v>
      </c>
      <c r="H153" s="72"/>
      <c r="I153" s="72"/>
      <c r="J153" s="72" t="s">
        <v>47</v>
      </c>
      <c r="K153" s="73" t="s">
        <v>48</v>
      </c>
      <c r="L153" s="72" t="s">
        <v>49</v>
      </c>
      <c r="M153" s="72"/>
      <c r="N153" s="72" t="s">
        <v>50</v>
      </c>
      <c r="O153" s="72" t="s">
        <v>51</v>
      </c>
      <c r="P153" s="72">
        <v>90</v>
      </c>
      <c r="Q153" s="72">
        <v>139</v>
      </c>
      <c r="R153" s="72" t="s">
        <v>36</v>
      </c>
      <c r="S153" s="72"/>
      <c r="T153" s="72" t="s">
        <v>52</v>
      </c>
      <c r="U153" s="72"/>
      <c r="V153" s="5" t="s">
        <v>37</v>
      </c>
      <c r="W153" s="72" t="s">
        <v>53</v>
      </c>
    </row>
    <row r="154" spans="1:23" s="4" customFormat="1" ht="19.899999999999999" customHeight="1">
      <c r="A154" s="9">
        <v>614110003</v>
      </c>
      <c r="B154" s="2"/>
      <c r="C154" s="3" t="s">
        <v>558</v>
      </c>
      <c r="D154" s="4" t="s">
        <v>136</v>
      </c>
      <c r="E154" s="2" t="s">
        <v>559</v>
      </c>
      <c r="F154" s="8" t="s">
        <v>560</v>
      </c>
      <c r="G154" s="2" t="s">
        <v>561</v>
      </c>
      <c r="H154" s="72"/>
      <c r="I154" s="72"/>
      <c r="J154" s="72" t="s">
        <v>47</v>
      </c>
      <c r="K154" s="73" t="s">
        <v>48</v>
      </c>
      <c r="L154" s="72" t="s">
        <v>49</v>
      </c>
      <c r="M154" s="72"/>
      <c r="N154" s="72" t="s">
        <v>409</v>
      </c>
      <c r="O154" s="72" t="s">
        <v>562</v>
      </c>
      <c r="P154" s="72">
        <v>27</v>
      </c>
      <c r="Q154" s="72">
        <v>45</v>
      </c>
      <c r="R154" s="72" t="s">
        <v>36</v>
      </c>
      <c r="S154" s="72"/>
      <c r="T154" s="72" t="s">
        <v>76</v>
      </c>
      <c r="U154" s="72"/>
      <c r="V154" s="5" t="s">
        <v>37</v>
      </c>
      <c r="W154" s="72" t="s">
        <v>563</v>
      </c>
    </row>
    <row r="155" spans="1:23" s="4" customFormat="1" ht="19.899999999999999" customHeight="1">
      <c r="A155" s="9">
        <v>556350005</v>
      </c>
      <c r="B155" s="2"/>
      <c r="C155" s="3" t="s">
        <v>564</v>
      </c>
      <c r="D155" s="4" t="s">
        <v>762</v>
      </c>
      <c r="E155" s="2" t="s">
        <v>55</v>
      </c>
      <c r="F155" s="8" t="s">
        <v>565</v>
      </c>
      <c r="G155" s="2" t="s">
        <v>566</v>
      </c>
      <c r="H155" s="72"/>
      <c r="I155" s="72"/>
      <c r="J155" s="72" t="s">
        <v>47</v>
      </c>
      <c r="K155" s="73" t="s">
        <v>48</v>
      </c>
      <c r="L155" s="72" t="s">
        <v>49</v>
      </c>
      <c r="M155" s="72"/>
      <c r="N155" s="72" t="s">
        <v>409</v>
      </c>
      <c r="O155" s="72" t="s">
        <v>562</v>
      </c>
      <c r="P155" s="72">
        <v>40</v>
      </c>
      <c r="Q155" s="72">
        <v>50</v>
      </c>
      <c r="R155" s="72" t="s">
        <v>36</v>
      </c>
      <c r="S155" s="84" t="s">
        <v>77</v>
      </c>
      <c r="T155" s="72"/>
      <c r="U155" s="72"/>
      <c r="V155" s="5" t="s">
        <v>37</v>
      </c>
      <c r="W155" s="72" t="s">
        <v>567</v>
      </c>
    </row>
    <row r="156" spans="1:23" s="4" customFormat="1" ht="19.899999999999999" customHeight="1">
      <c r="A156" s="9">
        <v>771320004</v>
      </c>
      <c r="B156" s="2"/>
      <c r="C156" s="3" t="s">
        <v>568</v>
      </c>
      <c r="D156" s="4" t="s">
        <v>269</v>
      </c>
      <c r="E156" s="2" t="s">
        <v>157</v>
      </c>
      <c r="F156" s="8" t="s">
        <v>569</v>
      </c>
      <c r="G156" s="2" t="s">
        <v>147</v>
      </c>
      <c r="H156" s="72"/>
      <c r="I156" s="72"/>
      <c r="J156" s="72" t="s">
        <v>108</v>
      </c>
      <c r="K156" s="73" t="s">
        <v>48</v>
      </c>
      <c r="L156" s="72" t="s">
        <v>49</v>
      </c>
      <c r="M156" s="72"/>
      <c r="N156" s="72"/>
      <c r="O156" s="72" t="s">
        <v>312</v>
      </c>
      <c r="P156" s="72">
        <v>90</v>
      </c>
      <c r="Q156" s="72">
        <v>120</v>
      </c>
      <c r="R156" s="72" t="s">
        <v>36</v>
      </c>
      <c r="S156" s="72"/>
      <c r="T156" s="72" t="s">
        <v>76</v>
      </c>
      <c r="U156" s="72"/>
      <c r="V156" s="5" t="s">
        <v>37</v>
      </c>
      <c r="W156" s="72" t="s">
        <v>570</v>
      </c>
    </row>
    <row r="157" spans="1:23" s="4" customFormat="1" ht="19.899999999999999" customHeight="1">
      <c r="A157" s="9">
        <v>771320003</v>
      </c>
      <c r="B157" s="2"/>
      <c r="C157" s="3" t="s">
        <v>571</v>
      </c>
      <c r="D157" s="4" t="s">
        <v>269</v>
      </c>
      <c r="E157" s="2" t="s">
        <v>157</v>
      </c>
      <c r="F157" s="8" t="s">
        <v>572</v>
      </c>
      <c r="G157" s="2" t="s">
        <v>147</v>
      </c>
      <c r="H157" s="72"/>
      <c r="I157" s="72"/>
      <c r="J157" s="72" t="s">
        <v>108</v>
      </c>
      <c r="K157" s="73" t="s">
        <v>48</v>
      </c>
      <c r="L157" s="72" t="s">
        <v>49</v>
      </c>
      <c r="M157" s="72"/>
      <c r="N157" s="72"/>
      <c r="O157" s="72" t="s">
        <v>312</v>
      </c>
      <c r="P157" s="72">
        <v>90</v>
      </c>
      <c r="Q157" s="72">
        <v>120</v>
      </c>
      <c r="R157" s="72" t="s">
        <v>36</v>
      </c>
      <c r="S157" s="72"/>
      <c r="T157" s="72" t="s">
        <v>76</v>
      </c>
      <c r="U157" s="72"/>
      <c r="V157" s="5" t="s">
        <v>37</v>
      </c>
      <c r="W157" s="72" t="s">
        <v>570</v>
      </c>
    </row>
    <row r="158" spans="1:23" s="4" customFormat="1" ht="19.899999999999999" customHeight="1">
      <c r="A158" s="9">
        <v>771320007</v>
      </c>
      <c r="B158" s="2"/>
      <c r="C158" s="3" t="s">
        <v>573</v>
      </c>
      <c r="D158" s="4" t="s">
        <v>269</v>
      </c>
      <c r="E158" s="2" t="s">
        <v>157</v>
      </c>
      <c r="F158" s="8" t="s">
        <v>574</v>
      </c>
      <c r="G158" s="2" t="s">
        <v>147</v>
      </c>
      <c r="H158" s="72"/>
      <c r="I158" s="72"/>
      <c r="J158" s="72" t="s">
        <v>108</v>
      </c>
      <c r="K158" s="73" t="s">
        <v>48</v>
      </c>
      <c r="L158" s="72" t="s">
        <v>49</v>
      </c>
      <c r="M158" s="72"/>
      <c r="N158" s="72"/>
      <c r="O158" s="72" t="s">
        <v>312</v>
      </c>
      <c r="P158" s="72">
        <v>90</v>
      </c>
      <c r="Q158" s="72">
        <v>120</v>
      </c>
      <c r="R158" s="72" t="s">
        <v>36</v>
      </c>
      <c r="S158" s="72"/>
      <c r="T158" s="72" t="s">
        <v>76</v>
      </c>
      <c r="U158" s="72"/>
      <c r="V158" s="5" t="s">
        <v>37</v>
      </c>
      <c r="W158" s="72" t="s">
        <v>570</v>
      </c>
    </row>
    <row r="159" spans="1:23" s="4" customFormat="1" ht="19.899999999999999" customHeight="1">
      <c r="A159" s="9">
        <v>771320005</v>
      </c>
      <c r="B159" s="2"/>
      <c r="C159" s="3" t="s">
        <v>575</v>
      </c>
      <c r="D159" s="4" t="s">
        <v>269</v>
      </c>
      <c r="E159" s="2" t="s">
        <v>157</v>
      </c>
      <c r="F159" s="8" t="s">
        <v>576</v>
      </c>
      <c r="G159" s="2" t="s">
        <v>147</v>
      </c>
      <c r="H159" s="72"/>
      <c r="I159" s="72"/>
      <c r="J159" s="72" t="s">
        <v>108</v>
      </c>
      <c r="K159" s="73" t="s">
        <v>48</v>
      </c>
      <c r="L159" s="72" t="s">
        <v>49</v>
      </c>
      <c r="M159" s="72"/>
      <c r="N159" s="72"/>
      <c r="O159" s="72" t="s">
        <v>312</v>
      </c>
      <c r="P159" s="72">
        <v>90</v>
      </c>
      <c r="Q159" s="72">
        <v>120</v>
      </c>
      <c r="R159" s="72" t="s">
        <v>36</v>
      </c>
      <c r="S159" s="72"/>
      <c r="T159" s="72" t="s">
        <v>76</v>
      </c>
      <c r="U159" s="72"/>
      <c r="V159" s="5" t="s">
        <v>37</v>
      </c>
      <c r="W159" s="72" t="s">
        <v>570</v>
      </c>
    </row>
    <row r="160" spans="1:23" s="4" customFormat="1" ht="19.899999999999999" customHeight="1">
      <c r="A160" s="9">
        <v>885340001</v>
      </c>
      <c r="B160" s="2"/>
      <c r="C160" s="3" t="s">
        <v>577</v>
      </c>
      <c r="D160" s="4" t="s">
        <v>137</v>
      </c>
      <c r="E160" s="2" t="s">
        <v>578</v>
      </c>
      <c r="F160" s="8" t="s">
        <v>579</v>
      </c>
      <c r="G160" s="2" t="s">
        <v>580</v>
      </c>
      <c r="H160" s="72"/>
      <c r="I160" s="72"/>
      <c r="J160" s="72" t="s">
        <v>581</v>
      </c>
      <c r="K160" s="73" t="s">
        <v>582</v>
      </c>
      <c r="L160" s="72"/>
      <c r="M160" s="72"/>
      <c r="N160" s="72" t="s">
        <v>409</v>
      </c>
      <c r="O160" s="72" t="s">
        <v>312</v>
      </c>
      <c r="P160" s="72">
        <v>480</v>
      </c>
      <c r="Q160" s="81">
        <v>1000</v>
      </c>
      <c r="R160" s="72" t="s">
        <v>36</v>
      </c>
      <c r="S160" s="72"/>
      <c r="T160" s="72" t="s">
        <v>76</v>
      </c>
      <c r="U160" s="72"/>
      <c r="V160" s="5" t="s">
        <v>37</v>
      </c>
      <c r="W160" s="72" t="s">
        <v>583</v>
      </c>
    </row>
    <row r="161" spans="1:23" s="4" customFormat="1" ht="19.899999999999999" customHeight="1">
      <c r="A161" s="9">
        <v>880130018</v>
      </c>
      <c r="B161" s="2" t="s">
        <v>584</v>
      </c>
      <c r="C161" s="3" t="s">
        <v>585</v>
      </c>
      <c r="D161" s="4" t="s">
        <v>135</v>
      </c>
      <c r="E161" s="2" t="s">
        <v>27</v>
      </c>
      <c r="F161" s="8" t="s">
        <v>586</v>
      </c>
      <c r="G161" s="2" t="s">
        <v>587</v>
      </c>
      <c r="H161" s="72"/>
      <c r="I161" s="72"/>
      <c r="J161" s="72" t="s">
        <v>581</v>
      </c>
      <c r="K161" s="73" t="s">
        <v>588</v>
      </c>
      <c r="L161" s="72"/>
      <c r="M161" s="72"/>
      <c r="N161" s="72" t="s">
        <v>409</v>
      </c>
      <c r="O161" s="72" t="s">
        <v>312</v>
      </c>
      <c r="P161" s="72">
        <v>650</v>
      </c>
      <c r="Q161" s="72">
        <v>980</v>
      </c>
      <c r="R161" s="72" t="s">
        <v>90</v>
      </c>
      <c r="S161" s="72"/>
      <c r="T161" s="72" t="s">
        <v>76</v>
      </c>
      <c r="U161" s="72"/>
      <c r="V161" s="5" t="s">
        <v>37</v>
      </c>
      <c r="W161" s="72" t="s">
        <v>589</v>
      </c>
    </row>
    <row r="162" spans="1:23" s="4" customFormat="1" ht="19.899999999999999" customHeight="1">
      <c r="A162" s="9">
        <v>880330032</v>
      </c>
      <c r="B162" s="2" t="s">
        <v>584</v>
      </c>
      <c r="C162" s="3" t="s">
        <v>590</v>
      </c>
      <c r="D162" s="4" t="s">
        <v>135</v>
      </c>
      <c r="E162" s="2" t="s">
        <v>27</v>
      </c>
      <c r="F162" s="8" t="s">
        <v>591</v>
      </c>
      <c r="G162" s="2" t="s">
        <v>592</v>
      </c>
      <c r="H162" s="72"/>
      <c r="I162" s="72"/>
      <c r="J162" s="72" t="s">
        <v>581</v>
      </c>
      <c r="K162" s="73" t="s">
        <v>588</v>
      </c>
      <c r="L162" s="72"/>
      <c r="M162" s="72"/>
      <c r="N162" s="72" t="s">
        <v>409</v>
      </c>
      <c r="O162" s="72" t="s">
        <v>312</v>
      </c>
      <c r="P162" s="72">
        <v>450</v>
      </c>
      <c r="Q162" s="72">
        <v>650</v>
      </c>
      <c r="R162" s="72" t="s">
        <v>90</v>
      </c>
      <c r="S162" s="72"/>
      <c r="T162" s="72" t="s">
        <v>76</v>
      </c>
      <c r="U162" s="72"/>
      <c r="V162" s="5" t="s">
        <v>37</v>
      </c>
      <c r="W162" s="72" t="s">
        <v>589</v>
      </c>
    </row>
    <row r="163" spans="1:23" s="4" customFormat="1" ht="19.899999999999999" customHeight="1">
      <c r="A163" s="9">
        <v>222330002</v>
      </c>
      <c r="B163" s="2"/>
      <c r="C163" s="3" t="s">
        <v>593</v>
      </c>
      <c r="D163" s="4" t="s">
        <v>135</v>
      </c>
      <c r="E163" s="2" t="s">
        <v>27</v>
      </c>
      <c r="F163" s="8" t="s">
        <v>594</v>
      </c>
      <c r="G163" s="2" t="s">
        <v>595</v>
      </c>
      <c r="H163" s="72"/>
      <c r="I163" s="72"/>
      <c r="J163" s="72" t="s">
        <v>581</v>
      </c>
      <c r="K163" s="73" t="s">
        <v>596</v>
      </c>
      <c r="L163" s="72"/>
      <c r="M163" s="72"/>
      <c r="N163" s="72" t="s">
        <v>409</v>
      </c>
      <c r="O163" s="72" t="s">
        <v>312</v>
      </c>
      <c r="P163" s="72">
        <v>570</v>
      </c>
      <c r="Q163" s="72">
        <v>650</v>
      </c>
      <c r="R163" s="72" t="s">
        <v>36</v>
      </c>
      <c r="S163" s="72"/>
      <c r="T163" s="72" t="s">
        <v>31</v>
      </c>
      <c r="U163" s="72"/>
      <c r="V163" s="5" t="s">
        <v>37</v>
      </c>
      <c r="W163" s="72" t="s">
        <v>597</v>
      </c>
    </row>
    <row r="164" spans="1:23" s="4" customFormat="1" ht="19.899999999999999" customHeight="1">
      <c r="A164" s="9">
        <v>222330003</v>
      </c>
      <c r="B164" s="2"/>
      <c r="C164" s="3" t="s">
        <v>598</v>
      </c>
      <c r="D164" s="4" t="s">
        <v>135</v>
      </c>
      <c r="E164" s="2" t="s">
        <v>86</v>
      </c>
      <c r="F164" s="8" t="s">
        <v>599</v>
      </c>
      <c r="G164" s="2" t="s">
        <v>600</v>
      </c>
      <c r="H164" s="72"/>
      <c r="I164" s="72"/>
      <c r="J164" s="72" t="s">
        <v>581</v>
      </c>
      <c r="K164" s="72" t="s">
        <v>601</v>
      </c>
      <c r="L164" s="72"/>
      <c r="M164" s="72"/>
      <c r="N164" s="72" t="s">
        <v>409</v>
      </c>
      <c r="O164" s="72" t="s">
        <v>312</v>
      </c>
      <c r="P164" s="72">
        <v>670</v>
      </c>
      <c r="Q164" s="72">
        <v>890</v>
      </c>
      <c r="R164" s="72" t="s">
        <v>36</v>
      </c>
      <c r="S164" s="72"/>
      <c r="T164" s="72" t="s">
        <v>31</v>
      </c>
      <c r="U164" s="72"/>
      <c r="V164" s="5" t="s">
        <v>37</v>
      </c>
      <c r="W164" s="72" t="s">
        <v>597</v>
      </c>
    </row>
    <row r="165" spans="1:23" s="4" customFormat="1" ht="19.899999999999999" customHeight="1">
      <c r="A165" s="9">
        <v>222340005</v>
      </c>
      <c r="B165" s="2"/>
      <c r="C165" s="3" t="s">
        <v>602</v>
      </c>
      <c r="D165" s="4" t="s">
        <v>137</v>
      </c>
      <c r="E165" s="2" t="s">
        <v>86</v>
      </c>
      <c r="F165" s="8" t="s">
        <v>603</v>
      </c>
      <c r="G165" s="2" t="s">
        <v>604</v>
      </c>
      <c r="H165" s="72"/>
      <c r="I165" s="72"/>
      <c r="J165" s="72" t="s">
        <v>581</v>
      </c>
      <c r="K165" s="72" t="s">
        <v>505</v>
      </c>
      <c r="L165" s="72"/>
      <c r="M165" s="72"/>
      <c r="N165" s="72" t="s">
        <v>409</v>
      </c>
      <c r="O165" s="72" t="s">
        <v>312</v>
      </c>
      <c r="P165" s="72">
        <v>220</v>
      </c>
      <c r="Q165" s="72">
        <v>280</v>
      </c>
      <c r="R165" s="72" t="s">
        <v>36</v>
      </c>
      <c r="S165" s="72"/>
      <c r="T165" s="72" t="s">
        <v>31</v>
      </c>
      <c r="U165" s="72"/>
      <c r="V165" s="5" t="s">
        <v>37</v>
      </c>
      <c r="W165" s="72" t="s">
        <v>597</v>
      </c>
    </row>
    <row r="166" spans="1:23" s="4" customFormat="1" ht="19.899999999999999" customHeight="1">
      <c r="A166" s="9">
        <v>222340006</v>
      </c>
      <c r="B166" s="2"/>
      <c r="C166" s="3" t="s">
        <v>605</v>
      </c>
      <c r="D166" s="4" t="s">
        <v>137</v>
      </c>
      <c r="E166" s="2" t="s">
        <v>86</v>
      </c>
      <c r="F166" s="8" t="s">
        <v>606</v>
      </c>
      <c r="G166" s="2" t="s">
        <v>607</v>
      </c>
      <c r="H166" s="72"/>
      <c r="I166" s="72"/>
      <c r="J166" s="72" t="s">
        <v>581</v>
      </c>
      <c r="K166" s="72" t="s">
        <v>505</v>
      </c>
      <c r="L166" s="72"/>
      <c r="M166" s="72"/>
      <c r="N166" s="72" t="s">
        <v>409</v>
      </c>
      <c r="O166" s="72" t="s">
        <v>312</v>
      </c>
      <c r="P166" s="72">
        <v>140</v>
      </c>
      <c r="Q166" s="72">
        <v>280</v>
      </c>
      <c r="R166" s="72" t="s">
        <v>36</v>
      </c>
      <c r="S166" s="72"/>
      <c r="T166" s="72" t="s">
        <v>31</v>
      </c>
      <c r="U166" s="72"/>
      <c r="V166" s="5" t="s">
        <v>37</v>
      </c>
      <c r="W166" s="72" t="s">
        <v>597</v>
      </c>
    </row>
    <row r="167" spans="1:23" s="4" customFormat="1" ht="19.899999999999999" customHeight="1">
      <c r="A167" s="9">
        <v>222330009</v>
      </c>
      <c r="B167" s="2"/>
      <c r="C167" s="3" t="s">
        <v>608</v>
      </c>
      <c r="D167" s="4" t="s">
        <v>135</v>
      </c>
      <c r="E167" s="2" t="s">
        <v>27</v>
      </c>
      <c r="F167" s="8" t="s">
        <v>609</v>
      </c>
      <c r="G167" s="2" t="s">
        <v>610</v>
      </c>
      <c r="H167" s="72"/>
      <c r="I167" s="72"/>
      <c r="J167" s="72" t="s">
        <v>581</v>
      </c>
      <c r="K167" s="73" t="s">
        <v>611</v>
      </c>
      <c r="L167" s="72"/>
      <c r="M167" s="72"/>
      <c r="N167" s="72" t="s">
        <v>409</v>
      </c>
      <c r="O167" s="72" t="s">
        <v>312</v>
      </c>
      <c r="P167" s="72">
        <v>420</v>
      </c>
      <c r="Q167" s="72">
        <v>650</v>
      </c>
      <c r="R167" s="72" t="s">
        <v>36</v>
      </c>
      <c r="S167" s="72"/>
      <c r="T167" s="72" t="s">
        <v>31</v>
      </c>
      <c r="U167" s="72"/>
      <c r="V167" s="5" t="s">
        <v>37</v>
      </c>
      <c r="W167" s="72" t="s">
        <v>597</v>
      </c>
    </row>
    <row r="168" spans="1:23" s="4" customFormat="1" ht="19.899999999999999" customHeight="1">
      <c r="A168" s="9">
        <v>222330007</v>
      </c>
      <c r="B168" s="2"/>
      <c r="C168" s="3" t="s">
        <v>612</v>
      </c>
      <c r="D168" s="4" t="s">
        <v>135</v>
      </c>
      <c r="E168" s="2" t="s">
        <v>86</v>
      </c>
      <c r="F168" s="8" t="s">
        <v>613</v>
      </c>
      <c r="G168" s="2" t="s">
        <v>614</v>
      </c>
      <c r="H168" s="72"/>
      <c r="I168" s="72"/>
      <c r="J168" s="72" t="s">
        <v>581</v>
      </c>
      <c r="K168" s="72" t="s">
        <v>505</v>
      </c>
      <c r="L168" s="72"/>
      <c r="M168" s="72"/>
      <c r="N168" s="72" t="s">
        <v>409</v>
      </c>
      <c r="O168" s="72" t="s">
        <v>312</v>
      </c>
      <c r="P168" s="72">
        <v>550</v>
      </c>
      <c r="Q168" s="72">
        <v>790</v>
      </c>
      <c r="R168" s="72" t="s">
        <v>36</v>
      </c>
      <c r="S168" s="72"/>
      <c r="T168" s="72" t="s">
        <v>31</v>
      </c>
      <c r="U168" s="72"/>
      <c r="V168" s="5" t="s">
        <v>37</v>
      </c>
      <c r="W168" s="72" t="s">
        <v>597</v>
      </c>
    </row>
    <row r="169" spans="1:23" s="4" customFormat="1" ht="19.899999999999999" customHeight="1">
      <c r="A169" s="9">
        <v>222330008</v>
      </c>
      <c r="B169" s="2"/>
      <c r="C169" s="3" t="s">
        <v>615</v>
      </c>
      <c r="D169" s="4" t="s">
        <v>135</v>
      </c>
      <c r="E169" s="2" t="s">
        <v>27</v>
      </c>
      <c r="F169" s="8" t="s">
        <v>616</v>
      </c>
      <c r="G169" s="2" t="s">
        <v>617</v>
      </c>
      <c r="H169" s="72"/>
      <c r="I169" s="72"/>
      <c r="J169" s="72" t="s">
        <v>581</v>
      </c>
      <c r="K169" s="73" t="s">
        <v>618</v>
      </c>
      <c r="L169" s="72"/>
      <c r="M169" s="72"/>
      <c r="N169" s="72" t="s">
        <v>409</v>
      </c>
      <c r="O169" s="72" t="s">
        <v>312</v>
      </c>
      <c r="P169" s="72">
        <v>420</v>
      </c>
      <c r="Q169" s="72">
        <v>650</v>
      </c>
      <c r="R169" s="72" t="s">
        <v>36</v>
      </c>
      <c r="S169" s="72"/>
      <c r="T169" s="72" t="s">
        <v>31</v>
      </c>
      <c r="U169" s="72"/>
      <c r="V169" s="5" t="s">
        <v>37</v>
      </c>
      <c r="W169" s="72" t="s">
        <v>597</v>
      </c>
    </row>
    <row r="170" spans="1:23" s="4" customFormat="1" ht="19.899999999999999" customHeight="1">
      <c r="A170" s="9">
        <v>222330010</v>
      </c>
      <c r="B170" s="2"/>
      <c r="C170" s="3" t="s">
        <v>619</v>
      </c>
      <c r="D170" s="4" t="s">
        <v>135</v>
      </c>
      <c r="E170" s="2" t="s">
        <v>27</v>
      </c>
      <c r="F170" s="8" t="s">
        <v>620</v>
      </c>
      <c r="G170" s="2" t="s">
        <v>621</v>
      </c>
      <c r="H170" s="72"/>
      <c r="I170" s="72"/>
      <c r="J170" s="72" t="s">
        <v>581</v>
      </c>
      <c r="K170" s="73" t="s">
        <v>611</v>
      </c>
      <c r="L170" s="72"/>
      <c r="M170" s="72"/>
      <c r="N170" s="72" t="s">
        <v>409</v>
      </c>
      <c r="O170" s="72" t="s">
        <v>312</v>
      </c>
      <c r="P170" s="72">
        <v>550</v>
      </c>
      <c r="Q170" s="72">
        <v>790</v>
      </c>
      <c r="R170" s="72" t="s">
        <v>36</v>
      </c>
      <c r="S170" s="72"/>
      <c r="T170" s="72" t="s">
        <v>31</v>
      </c>
      <c r="U170" s="72"/>
      <c r="V170" s="5" t="s">
        <v>37</v>
      </c>
      <c r="W170" s="72" t="s">
        <v>597</v>
      </c>
    </row>
    <row r="171" spans="1:23" s="4" customFormat="1" ht="19.899999999999999" customHeight="1">
      <c r="A171" s="9">
        <v>222340011</v>
      </c>
      <c r="B171" s="2"/>
      <c r="C171" s="3" t="s">
        <v>622</v>
      </c>
      <c r="D171" s="4" t="s">
        <v>137</v>
      </c>
      <c r="E171" s="2" t="s">
        <v>86</v>
      </c>
      <c r="F171" s="8" t="s">
        <v>623</v>
      </c>
      <c r="G171" s="2" t="s">
        <v>624</v>
      </c>
      <c r="H171" s="72"/>
      <c r="I171" s="72"/>
      <c r="J171" s="72" t="s">
        <v>581</v>
      </c>
      <c r="K171" s="73" t="s">
        <v>582</v>
      </c>
      <c r="L171" s="72"/>
      <c r="M171" s="72"/>
      <c r="N171" s="72" t="s">
        <v>409</v>
      </c>
      <c r="O171" s="72" t="s">
        <v>312</v>
      </c>
      <c r="P171" s="72">
        <v>650</v>
      </c>
      <c r="Q171" s="72">
        <v>890</v>
      </c>
      <c r="R171" s="72" t="s">
        <v>36</v>
      </c>
      <c r="S171" s="72"/>
      <c r="T171" s="72" t="s">
        <v>31</v>
      </c>
      <c r="U171" s="72"/>
      <c r="V171" s="5" t="s">
        <v>37</v>
      </c>
      <c r="W171" s="72" t="s">
        <v>597</v>
      </c>
    </row>
    <row r="172" spans="1:23" s="4" customFormat="1" ht="19.899999999999999" customHeight="1">
      <c r="A172" s="9">
        <v>222340012</v>
      </c>
      <c r="B172" s="2"/>
      <c r="C172" s="3" t="s">
        <v>625</v>
      </c>
      <c r="D172" s="4" t="s">
        <v>137</v>
      </c>
      <c r="E172" s="2" t="s">
        <v>27</v>
      </c>
      <c r="F172" s="8" t="s">
        <v>626</v>
      </c>
      <c r="G172" s="2" t="s">
        <v>627</v>
      </c>
      <c r="H172" s="72"/>
      <c r="I172" s="72"/>
      <c r="J172" s="72" t="s">
        <v>581</v>
      </c>
      <c r="K172" s="73" t="s">
        <v>582</v>
      </c>
      <c r="L172" s="72"/>
      <c r="M172" s="72"/>
      <c r="N172" s="72" t="s">
        <v>409</v>
      </c>
      <c r="O172" s="72" t="s">
        <v>312</v>
      </c>
      <c r="P172" s="81">
        <v>1350</v>
      </c>
      <c r="Q172" s="81">
        <v>1690</v>
      </c>
      <c r="R172" s="72" t="s">
        <v>36</v>
      </c>
      <c r="S172" s="72"/>
      <c r="T172" s="72" t="s">
        <v>31</v>
      </c>
      <c r="U172" s="72"/>
      <c r="V172" s="5" t="s">
        <v>37</v>
      </c>
      <c r="W172" s="72" t="s">
        <v>597</v>
      </c>
    </row>
    <row r="173" spans="1:23" s="4" customFormat="1" ht="19.899999999999999" customHeight="1">
      <c r="A173" s="9">
        <v>222340013</v>
      </c>
      <c r="B173" s="2"/>
      <c r="C173" s="3" t="s">
        <v>628</v>
      </c>
      <c r="D173" s="4" t="s">
        <v>137</v>
      </c>
      <c r="E173" s="2" t="s">
        <v>27</v>
      </c>
      <c r="F173" s="8" t="s">
        <v>626</v>
      </c>
      <c r="G173" s="2" t="s">
        <v>629</v>
      </c>
      <c r="H173" s="72"/>
      <c r="I173" s="72"/>
      <c r="J173" s="72" t="s">
        <v>581</v>
      </c>
      <c r="K173" s="73" t="s">
        <v>582</v>
      </c>
      <c r="L173" s="72"/>
      <c r="M173" s="72"/>
      <c r="N173" s="72" t="s">
        <v>409</v>
      </c>
      <c r="O173" s="72" t="s">
        <v>312</v>
      </c>
      <c r="P173" s="81">
        <v>1650</v>
      </c>
      <c r="Q173" s="81">
        <v>1990</v>
      </c>
      <c r="R173" s="72" t="s">
        <v>36</v>
      </c>
      <c r="S173" s="72"/>
      <c r="T173" s="72" t="s">
        <v>31</v>
      </c>
      <c r="U173" s="72"/>
      <c r="V173" s="5" t="s">
        <v>37</v>
      </c>
      <c r="W173" s="72" t="s">
        <v>597</v>
      </c>
    </row>
    <row r="174" spans="1:23" s="4" customFormat="1" ht="19.899999999999999" customHeight="1">
      <c r="A174" s="9">
        <v>770330001</v>
      </c>
      <c r="B174" s="2" t="s">
        <v>465</v>
      </c>
      <c r="C174" s="3" t="s">
        <v>630</v>
      </c>
      <c r="D174" s="4" t="s">
        <v>135</v>
      </c>
      <c r="E174" s="2" t="s">
        <v>303</v>
      </c>
      <c r="F174" s="8" t="s">
        <v>631</v>
      </c>
      <c r="G174" s="2" t="s">
        <v>632</v>
      </c>
      <c r="H174" s="72"/>
      <c r="I174" s="72"/>
      <c r="J174" s="72" t="s">
        <v>581</v>
      </c>
      <c r="K174" s="73" t="s">
        <v>389</v>
      </c>
      <c r="L174" s="72"/>
      <c r="M174" s="72"/>
      <c r="N174" s="72" t="s">
        <v>409</v>
      </c>
      <c r="O174" s="72" t="s">
        <v>312</v>
      </c>
      <c r="P174" s="81">
        <v>1150</v>
      </c>
      <c r="Q174" s="81">
        <v>1500</v>
      </c>
      <c r="R174" s="72" t="s">
        <v>36</v>
      </c>
      <c r="S174" s="72"/>
      <c r="T174" s="72" t="s">
        <v>31</v>
      </c>
      <c r="U174" s="72"/>
      <c r="V174" s="5" t="s">
        <v>37</v>
      </c>
      <c r="W174" s="72" t="s">
        <v>465</v>
      </c>
    </row>
    <row r="175" spans="1:23" s="4" customFormat="1" ht="19.899999999999999" customHeight="1">
      <c r="A175" s="9">
        <v>770330002</v>
      </c>
      <c r="B175" s="2" t="s">
        <v>465</v>
      </c>
      <c r="C175" s="3" t="s">
        <v>633</v>
      </c>
      <c r="D175" s="4" t="s">
        <v>135</v>
      </c>
      <c r="E175" s="2" t="s">
        <v>27</v>
      </c>
      <c r="F175" s="8" t="s">
        <v>634</v>
      </c>
      <c r="G175" s="2" t="s">
        <v>635</v>
      </c>
      <c r="H175" s="72"/>
      <c r="I175" s="72"/>
      <c r="J175" s="72" t="s">
        <v>581</v>
      </c>
      <c r="K175" s="73" t="s">
        <v>389</v>
      </c>
      <c r="L175" s="72"/>
      <c r="M175" s="72"/>
      <c r="N175" s="72" t="s">
        <v>409</v>
      </c>
      <c r="O175" s="72" t="s">
        <v>312</v>
      </c>
      <c r="P175" s="72">
        <v>420</v>
      </c>
      <c r="Q175" s="72">
        <v>550</v>
      </c>
      <c r="R175" s="72" t="s">
        <v>36</v>
      </c>
      <c r="S175" s="72"/>
      <c r="T175" s="72" t="s">
        <v>31</v>
      </c>
      <c r="U175" s="72"/>
      <c r="V175" s="5" t="s">
        <v>37</v>
      </c>
      <c r="W175" s="72" t="s">
        <v>465</v>
      </c>
    </row>
    <row r="176" spans="1:23" s="4" customFormat="1" ht="19.899999999999999" customHeight="1">
      <c r="A176" s="1">
        <v>770330003</v>
      </c>
      <c r="B176" s="2" t="s">
        <v>465</v>
      </c>
      <c r="C176" s="3" t="s">
        <v>636</v>
      </c>
      <c r="D176" s="4" t="s">
        <v>135</v>
      </c>
      <c r="E176" s="2" t="s">
        <v>27</v>
      </c>
      <c r="F176" s="8" t="s">
        <v>637</v>
      </c>
      <c r="G176" s="2" t="s">
        <v>638</v>
      </c>
      <c r="H176" s="72"/>
      <c r="I176" s="72"/>
      <c r="J176" s="72" t="s">
        <v>581</v>
      </c>
      <c r="K176" s="73" t="s">
        <v>389</v>
      </c>
      <c r="L176" s="72"/>
      <c r="M176" s="72"/>
      <c r="N176" s="72" t="s">
        <v>409</v>
      </c>
      <c r="O176" s="72" t="s">
        <v>312</v>
      </c>
      <c r="P176" s="72">
        <v>500</v>
      </c>
      <c r="Q176" s="72">
        <v>850</v>
      </c>
      <c r="R176" s="72" t="s">
        <v>36</v>
      </c>
      <c r="S176" s="72"/>
      <c r="T176" s="72" t="s">
        <v>31</v>
      </c>
      <c r="U176" s="72"/>
      <c r="V176" s="5" t="s">
        <v>37</v>
      </c>
      <c r="W176" s="72" t="s">
        <v>465</v>
      </c>
    </row>
    <row r="177" spans="1:23" s="4" customFormat="1" ht="19.899999999999999" customHeight="1">
      <c r="A177" s="1">
        <v>770340004</v>
      </c>
      <c r="B177" s="2" t="s">
        <v>465</v>
      </c>
      <c r="C177" s="3" t="s">
        <v>639</v>
      </c>
      <c r="D177" s="4" t="s">
        <v>137</v>
      </c>
      <c r="E177" s="2" t="s">
        <v>93</v>
      </c>
      <c r="F177" s="8" t="s">
        <v>640</v>
      </c>
      <c r="G177" s="2" t="s">
        <v>641</v>
      </c>
      <c r="H177" s="72"/>
      <c r="I177" s="72"/>
      <c r="J177" s="72" t="s">
        <v>581</v>
      </c>
      <c r="K177" s="73" t="s">
        <v>642</v>
      </c>
      <c r="L177" s="72"/>
      <c r="M177" s="72"/>
      <c r="N177" s="72" t="s">
        <v>409</v>
      </c>
      <c r="O177" s="72" t="s">
        <v>312</v>
      </c>
      <c r="P177" s="72">
        <v>125</v>
      </c>
      <c r="Q177" s="72">
        <v>160</v>
      </c>
      <c r="R177" s="72" t="s">
        <v>36</v>
      </c>
      <c r="S177" s="72"/>
      <c r="T177" s="72" t="s">
        <v>31</v>
      </c>
      <c r="U177" s="72"/>
      <c r="V177" s="5" t="s">
        <v>37</v>
      </c>
      <c r="W177" s="72" t="s">
        <v>465</v>
      </c>
    </row>
    <row r="178" spans="1:23" s="4" customFormat="1" ht="19.899999999999999" customHeight="1">
      <c r="A178" s="1">
        <v>770330005</v>
      </c>
      <c r="B178" s="2" t="s">
        <v>465</v>
      </c>
      <c r="C178" s="3" t="s">
        <v>643</v>
      </c>
      <c r="D178" s="4" t="s">
        <v>135</v>
      </c>
      <c r="E178" s="2" t="s">
        <v>27</v>
      </c>
      <c r="F178" s="8" t="s">
        <v>644</v>
      </c>
      <c r="G178" s="2" t="s">
        <v>645</v>
      </c>
      <c r="H178" s="72"/>
      <c r="I178" s="72"/>
      <c r="J178" s="72" t="s">
        <v>581</v>
      </c>
      <c r="K178" s="73" t="s">
        <v>389</v>
      </c>
      <c r="L178" s="72"/>
      <c r="M178" s="72"/>
      <c r="N178" s="72" t="s">
        <v>409</v>
      </c>
      <c r="O178" s="72" t="s">
        <v>312</v>
      </c>
      <c r="P178" s="72">
        <v>380</v>
      </c>
      <c r="Q178" s="72">
        <v>490</v>
      </c>
      <c r="R178" s="72" t="s">
        <v>36</v>
      </c>
      <c r="S178" s="72"/>
      <c r="T178" s="72" t="s">
        <v>31</v>
      </c>
      <c r="U178" s="72"/>
      <c r="V178" s="5" t="s">
        <v>37</v>
      </c>
      <c r="W178" s="72" t="s">
        <v>465</v>
      </c>
    </row>
    <row r="179" spans="1:23" s="4" customFormat="1" ht="19.899999999999999" customHeight="1">
      <c r="A179" s="1">
        <v>770330006</v>
      </c>
      <c r="B179" s="2" t="s">
        <v>465</v>
      </c>
      <c r="C179" s="3" t="s">
        <v>646</v>
      </c>
      <c r="D179" s="4" t="s">
        <v>135</v>
      </c>
      <c r="E179" s="2" t="s">
        <v>27</v>
      </c>
      <c r="F179" s="8" t="s">
        <v>647</v>
      </c>
      <c r="G179" s="2" t="s">
        <v>648</v>
      </c>
      <c r="H179" s="72"/>
      <c r="I179" s="72"/>
      <c r="J179" s="72" t="s">
        <v>581</v>
      </c>
      <c r="K179" s="73" t="s">
        <v>389</v>
      </c>
      <c r="L179" s="72"/>
      <c r="M179" s="72"/>
      <c r="N179" s="72" t="s">
        <v>409</v>
      </c>
      <c r="O179" s="72" t="s">
        <v>312</v>
      </c>
      <c r="P179" s="72">
        <v>550</v>
      </c>
      <c r="Q179" s="72">
        <v>850</v>
      </c>
      <c r="R179" s="72" t="s">
        <v>36</v>
      </c>
      <c r="S179" s="72"/>
      <c r="T179" s="72" t="s">
        <v>31</v>
      </c>
      <c r="U179" s="72"/>
      <c r="V179" s="5" t="s">
        <v>37</v>
      </c>
      <c r="W179" s="72" t="s">
        <v>465</v>
      </c>
    </row>
    <row r="180" spans="1:23" s="4" customFormat="1" ht="19.899999999999999" customHeight="1">
      <c r="A180" s="1">
        <v>770330007</v>
      </c>
      <c r="B180" s="2" t="s">
        <v>465</v>
      </c>
      <c r="C180" s="3" t="s">
        <v>649</v>
      </c>
      <c r="D180" s="4" t="s">
        <v>135</v>
      </c>
      <c r="E180" s="2" t="s">
        <v>27</v>
      </c>
      <c r="F180" s="8" t="s">
        <v>650</v>
      </c>
      <c r="G180" s="2" t="s">
        <v>651</v>
      </c>
      <c r="H180" s="72"/>
      <c r="I180" s="72"/>
      <c r="J180" s="72" t="s">
        <v>581</v>
      </c>
      <c r="K180" s="73" t="s">
        <v>389</v>
      </c>
      <c r="L180" s="72"/>
      <c r="M180" s="72"/>
      <c r="N180" s="72" t="s">
        <v>409</v>
      </c>
      <c r="O180" s="72" t="s">
        <v>312</v>
      </c>
      <c r="P180" s="72">
        <v>850</v>
      </c>
      <c r="Q180" s="81">
        <v>1200</v>
      </c>
      <c r="R180" s="72" t="s">
        <v>36</v>
      </c>
      <c r="S180" s="72"/>
      <c r="T180" s="72" t="s">
        <v>31</v>
      </c>
      <c r="U180" s="72"/>
      <c r="V180" s="5" t="s">
        <v>37</v>
      </c>
      <c r="W180" s="72" t="s">
        <v>465</v>
      </c>
    </row>
    <row r="181" spans="1:23" s="4" customFormat="1" ht="19.899999999999999" customHeight="1">
      <c r="A181" s="1">
        <v>770340011</v>
      </c>
      <c r="B181" s="2" t="s">
        <v>465</v>
      </c>
      <c r="C181" s="3" t="s">
        <v>652</v>
      </c>
      <c r="D181" s="4" t="s">
        <v>137</v>
      </c>
      <c r="E181" s="2" t="s">
        <v>27</v>
      </c>
      <c r="F181" s="8" t="s">
        <v>653</v>
      </c>
      <c r="G181" s="2" t="s">
        <v>654</v>
      </c>
      <c r="H181" s="72"/>
      <c r="I181" s="72"/>
      <c r="J181" s="72" t="s">
        <v>581</v>
      </c>
      <c r="K181" s="73" t="s">
        <v>389</v>
      </c>
      <c r="L181" s="72"/>
      <c r="M181" s="72"/>
      <c r="N181" s="72" t="s">
        <v>409</v>
      </c>
      <c r="O181" s="72" t="s">
        <v>312</v>
      </c>
      <c r="P181" s="81">
        <v>120</v>
      </c>
      <c r="Q181" s="81">
        <v>190</v>
      </c>
      <c r="R181" s="72" t="s">
        <v>36</v>
      </c>
      <c r="S181" s="72"/>
      <c r="T181" s="72" t="s">
        <v>31</v>
      </c>
      <c r="U181" s="72"/>
      <c r="V181" s="5" t="s">
        <v>37</v>
      </c>
      <c r="W181" s="72" t="s">
        <v>465</v>
      </c>
    </row>
    <row r="182" spans="1:23" s="4" customFormat="1" ht="19.899999999999999" customHeight="1">
      <c r="A182" s="1">
        <v>770340012</v>
      </c>
      <c r="B182" s="2" t="s">
        <v>465</v>
      </c>
      <c r="C182" s="3" t="s">
        <v>655</v>
      </c>
      <c r="D182" s="4" t="s">
        <v>137</v>
      </c>
      <c r="E182" s="2" t="s">
        <v>27</v>
      </c>
      <c r="F182" s="8" t="s">
        <v>656</v>
      </c>
      <c r="G182" s="2" t="s">
        <v>654</v>
      </c>
      <c r="H182" s="72"/>
      <c r="I182" s="72"/>
      <c r="J182" s="72" t="s">
        <v>581</v>
      </c>
      <c r="K182" s="73" t="s">
        <v>389</v>
      </c>
      <c r="L182" s="72"/>
      <c r="M182" s="72"/>
      <c r="N182" s="72" t="s">
        <v>409</v>
      </c>
      <c r="O182" s="72" t="s">
        <v>312</v>
      </c>
      <c r="P182" s="81">
        <v>150</v>
      </c>
      <c r="Q182" s="81">
        <v>210</v>
      </c>
      <c r="R182" s="72" t="s">
        <v>36</v>
      </c>
      <c r="S182" s="72"/>
      <c r="T182" s="72" t="s">
        <v>31</v>
      </c>
      <c r="U182" s="72"/>
      <c r="V182" s="5" t="s">
        <v>37</v>
      </c>
      <c r="W182" s="72" t="s">
        <v>465</v>
      </c>
    </row>
    <row r="183" spans="1:23" s="4" customFormat="1" ht="19.899999999999999" customHeight="1">
      <c r="A183" s="9">
        <v>111330001</v>
      </c>
      <c r="B183" s="2"/>
      <c r="C183" s="3" t="s">
        <v>657</v>
      </c>
      <c r="D183" s="4" t="s">
        <v>135</v>
      </c>
      <c r="E183" s="2" t="s">
        <v>303</v>
      </c>
      <c r="F183" s="8" t="s">
        <v>658</v>
      </c>
      <c r="G183" s="2" t="s">
        <v>659</v>
      </c>
      <c r="H183" s="72"/>
      <c r="I183" s="72"/>
      <c r="J183" s="72" t="s">
        <v>581</v>
      </c>
      <c r="K183" s="73" t="s">
        <v>389</v>
      </c>
      <c r="L183" s="72"/>
      <c r="M183" s="72"/>
      <c r="N183" s="72" t="s">
        <v>409</v>
      </c>
      <c r="O183" s="72" t="s">
        <v>312</v>
      </c>
      <c r="P183" s="72">
        <v>420</v>
      </c>
      <c r="Q183" s="72">
        <v>550</v>
      </c>
      <c r="R183" s="72" t="s">
        <v>36</v>
      </c>
      <c r="S183" s="72"/>
      <c r="T183" s="72" t="s">
        <v>31</v>
      </c>
      <c r="U183" s="72"/>
      <c r="V183" s="5" t="s">
        <v>37</v>
      </c>
      <c r="W183" s="72" t="s">
        <v>660</v>
      </c>
    </row>
    <row r="184" spans="1:23" s="4" customFormat="1" ht="19.899999999999999" customHeight="1">
      <c r="A184" s="9">
        <v>111330002</v>
      </c>
      <c r="B184" s="2"/>
      <c r="C184" s="3" t="s">
        <v>661</v>
      </c>
      <c r="D184" s="4" t="s">
        <v>135</v>
      </c>
      <c r="E184" s="2" t="s">
        <v>303</v>
      </c>
      <c r="F184" s="8" t="s">
        <v>662</v>
      </c>
      <c r="G184" s="2" t="s">
        <v>663</v>
      </c>
      <c r="H184" s="72"/>
      <c r="I184" s="72"/>
      <c r="J184" s="72" t="s">
        <v>581</v>
      </c>
      <c r="K184" s="73" t="s">
        <v>389</v>
      </c>
      <c r="L184" s="72"/>
      <c r="M184" s="72"/>
      <c r="N184" s="72" t="s">
        <v>409</v>
      </c>
      <c r="O184" s="72" t="s">
        <v>312</v>
      </c>
      <c r="P184" s="72">
        <v>345</v>
      </c>
      <c r="Q184" s="72">
        <v>450</v>
      </c>
      <c r="R184" s="72" t="s">
        <v>36</v>
      </c>
      <c r="S184" s="72"/>
      <c r="T184" s="72" t="s">
        <v>31</v>
      </c>
      <c r="U184" s="72"/>
      <c r="V184" s="5" t="s">
        <v>37</v>
      </c>
      <c r="W184" s="72" t="s">
        <v>660</v>
      </c>
    </row>
    <row r="185" spans="1:23" s="4" customFormat="1" ht="19.899999999999999" customHeight="1">
      <c r="A185" s="9">
        <v>111330003</v>
      </c>
      <c r="B185" s="2"/>
      <c r="C185" s="3" t="s">
        <v>664</v>
      </c>
      <c r="D185" s="4" t="s">
        <v>135</v>
      </c>
      <c r="E185" s="2" t="s">
        <v>303</v>
      </c>
      <c r="F185" s="8" t="s">
        <v>662</v>
      </c>
      <c r="G185" s="2" t="s">
        <v>665</v>
      </c>
      <c r="H185" s="72"/>
      <c r="I185" s="72"/>
      <c r="J185" s="72" t="s">
        <v>581</v>
      </c>
      <c r="K185" s="73" t="s">
        <v>389</v>
      </c>
      <c r="L185" s="72"/>
      <c r="M185" s="72"/>
      <c r="N185" s="72" t="s">
        <v>409</v>
      </c>
      <c r="O185" s="72" t="s">
        <v>312</v>
      </c>
      <c r="P185" s="72">
        <v>275</v>
      </c>
      <c r="Q185" s="72">
        <v>350</v>
      </c>
      <c r="R185" s="72" t="s">
        <v>36</v>
      </c>
      <c r="S185" s="72"/>
      <c r="T185" s="72" t="s">
        <v>31</v>
      </c>
      <c r="U185" s="72"/>
      <c r="V185" s="5" t="s">
        <v>37</v>
      </c>
      <c r="W185" s="72" t="s">
        <v>660</v>
      </c>
    </row>
    <row r="186" spans="1:23" s="4" customFormat="1" ht="19.899999999999999" customHeight="1">
      <c r="A186" s="9">
        <v>111330004</v>
      </c>
      <c r="B186" s="2"/>
      <c r="C186" s="3" t="s">
        <v>666</v>
      </c>
      <c r="D186" s="4" t="s">
        <v>135</v>
      </c>
      <c r="E186" s="2" t="s">
        <v>303</v>
      </c>
      <c r="F186" s="8" t="s">
        <v>662</v>
      </c>
      <c r="G186" s="2" t="s">
        <v>667</v>
      </c>
      <c r="H186" s="72"/>
      <c r="I186" s="72"/>
      <c r="J186" s="72" t="s">
        <v>581</v>
      </c>
      <c r="K186" s="73" t="s">
        <v>389</v>
      </c>
      <c r="L186" s="72"/>
      <c r="M186" s="72"/>
      <c r="N186" s="72" t="s">
        <v>409</v>
      </c>
      <c r="O186" s="72" t="s">
        <v>312</v>
      </c>
      <c r="P186" s="72">
        <v>345</v>
      </c>
      <c r="Q186" s="72">
        <v>450</v>
      </c>
      <c r="R186" s="72" t="s">
        <v>36</v>
      </c>
      <c r="S186" s="72"/>
      <c r="T186" s="72" t="s">
        <v>31</v>
      </c>
      <c r="U186" s="72"/>
      <c r="V186" s="5" t="s">
        <v>37</v>
      </c>
      <c r="W186" s="72" t="s">
        <v>660</v>
      </c>
    </row>
    <row r="187" spans="1:23" s="4" customFormat="1" ht="19.899999999999999" customHeight="1">
      <c r="A187" s="9">
        <v>111330005</v>
      </c>
      <c r="B187" s="2"/>
      <c r="C187" s="3" t="s">
        <v>668</v>
      </c>
      <c r="D187" s="4" t="s">
        <v>135</v>
      </c>
      <c r="E187" s="2" t="s">
        <v>303</v>
      </c>
      <c r="F187" s="8" t="s">
        <v>662</v>
      </c>
      <c r="G187" s="2" t="s">
        <v>669</v>
      </c>
      <c r="H187" s="72"/>
      <c r="I187" s="72"/>
      <c r="J187" s="72" t="s">
        <v>581</v>
      </c>
      <c r="K187" s="73" t="s">
        <v>389</v>
      </c>
      <c r="L187" s="72"/>
      <c r="M187" s="72"/>
      <c r="N187" s="72" t="s">
        <v>409</v>
      </c>
      <c r="O187" s="72" t="s">
        <v>312</v>
      </c>
      <c r="P187" s="72">
        <v>275</v>
      </c>
      <c r="Q187" s="72">
        <v>350</v>
      </c>
      <c r="R187" s="72" t="s">
        <v>36</v>
      </c>
      <c r="S187" s="72"/>
      <c r="T187" s="72" t="s">
        <v>31</v>
      </c>
      <c r="U187" s="72"/>
      <c r="V187" s="5" t="s">
        <v>37</v>
      </c>
      <c r="W187" s="72" t="s">
        <v>660</v>
      </c>
    </row>
    <row r="188" spans="1:23" s="4" customFormat="1" ht="19.899999999999999" customHeight="1">
      <c r="A188" s="9">
        <v>111330006</v>
      </c>
      <c r="B188" s="2"/>
      <c r="C188" s="3" t="s">
        <v>670</v>
      </c>
      <c r="D188" s="4" t="s">
        <v>135</v>
      </c>
      <c r="E188" s="2" t="s">
        <v>303</v>
      </c>
      <c r="F188" s="8" t="s">
        <v>662</v>
      </c>
      <c r="G188" s="2" t="s">
        <v>671</v>
      </c>
      <c r="H188" s="72"/>
      <c r="I188" s="72"/>
      <c r="J188" s="72" t="s">
        <v>581</v>
      </c>
      <c r="K188" s="73" t="s">
        <v>389</v>
      </c>
      <c r="L188" s="72"/>
      <c r="M188" s="72"/>
      <c r="N188" s="72" t="s">
        <v>409</v>
      </c>
      <c r="O188" s="72" t="s">
        <v>312</v>
      </c>
      <c r="P188" s="72">
        <v>275</v>
      </c>
      <c r="Q188" s="72">
        <v>350</v>
      </c>
      <c r="R188" s="72" t="s">
        <v>36</v>
      </c>
      <c r="S188" s="72"/>
      <c r="T188" s="72" t="s">
        <v>31</v>
      </c>
      <c r="U188" s="72"/>
      <c r="V188" s="5" t="s">
        <v>37</v>
      </c>
      <c r="W188" s="72" t="s">
        <v>660</v>
      </c>
    </row>
    <row r="189" spans="1:23" s="4" customFormat="1" ht="19.899999999999999" customHeight="1">
      <c r="A189" s="9">
        <v>111330007</v>
      </c>
      <c r="B189" s="2"/>
      <c r="C189" s="3" t="s">
        <v>672</v>
      </c>
      <c r="D189" s="4" t="s">
        <v>135</v>
      </c>
      <c r="E189" s="2" t="s">
        <v>303</v>
      </c>
      <c r="F189" s="8" t="s">
        <v>662</v>
      </c>
      <c r="G189" s="2" t="s">
        <v>673</v>
      </c>
      <c r="H189" s="72"/>
      <c r="I189" s="72"/>
      <c r="J189" s="72" t="s">
        <v>581</v>
      </c>
      <c r="K189" s="73" t="s">
        <v>389</v>
      </c>
      <c r="L189" s="72"/>
      <c r="M189" s="72"/>
      <c r="N189" s="72" t="s">
        <v>409</v>
      </c>
      <c r="O189" s="72" t="s">
        <v>312</v>
      </c>
      <c r="P189" s="72">
        <v>220</v>
      </c>
      <c r="Q189" s="72">
        <v>300</v>
      </c>
      <c r="R189" s="72" t="s">
        <v>36</v>
      </c>
      <c r="S189" s="72"/>
      <c r="T189" s="72" t="s">
        <v>31</v>
      </c>
      <c r="U189" s="72"/>
      <c r="V189" s="5" t="s">
        <v>37</v>
      </c>
      <c r="W189" s="72" t="s">
        <v>660</v>
      </c>
    </row>
    <row r="190" spans="1:23" s="4" customFormat="1" ht="19.899999999999999" customHeight="1">
      <c r="A190" s="9">
        <v>111330008</v>
      </c>
      <c r="B190" s="2"/>
      <c r="C190" s="3" t="s">
        <v>674</v>
      </c>
      <c r="D190" s="4" t="s">
        <v>135</v>
      </c>
      <c r="E190" s="2" t="s">
        <v>303</v>
      </c>
      <c r="F190" s="8" t="s">
        <v>675</v>
      </c>
      <c r="G190" s="2" t="s">
        <v>676</v>
      </c>
      <c r="H190" s="72"/>
      <c r="I190" s="72"/>
      <c r="J190" s="72" t="s">
        <v>581</v>
      </c>
      <c r="K190" s="73" t="s">
        <v>389</v>
      </c>
      <c r="L190" s="72"/>
      <c r="M190" s="72"/>
      <c r="N190" s="72" t="s">
        <v>409</v>
      </c>
      <c r="O190" s="72" t="s">
        <v>312</v>
      </c>
      <c r="P190" s="72">
        <v>275</v>
      </c>
      <c r="Q190" s="72">
        <v>350</v>
      </c>
      <c r="R190" s="72" t="s">
        <v>36</v>
      </c>
      <c r="S190" s="72"/>
      <c r="T190" s="72" t="s">
        <v>31</v>
      </c>
      <c r="U190" s="72"/>
      <c r="V190" s="5" t="s">
        <v>37</v>
      </c>
      <c r="W190" s="72" t="s">
        <v>660</v>
      </c>
    </row>
    <row r="191" spans="1:23" s="4" customFormat="1" ht="19.899999999999999" customHeight="1">
      <c r="A191" s="9">
        <v>111330010</v>
      </c>
      <c r="B191" s="2"/>
      <c r="C191" s="3" t="s">
        <v>677</v>
      </c>
      <c r="D191" s="4" t="s">
        <v>135</v>
      </c>
      <c r="E191" s="2" t="s">
        <v>303</v>
      </c>
      <c r="F191" s="8" t="s">
        <v>678</v>
      </c>
      <c r="G191" s="2" t="s">
        <v>679</v>
      </c>
      <c r="H191" s="72"/>
      <c r="I191" s="72"/>
      <c r="J191" s="72" t="s">
        <v>581</v>
      </c>
      <c r="K191" s="73" t="s">
        <v>389</v>
      </c>
      <c r="L191" s="72"/>
      <c r="M191" s="72"/>
      <c r="N191" s="72" t="s">
        <v>409</v>
      </c>
      <c r="O191" s="72" t="s">
        <v>312</v>
      </c>
      <c r="P191" s="72">
        <v>200</v>
      </c>
      <c r="Q191" s="72">
        <v>300</v>
      </c>
      <c r="R191" s="72" t="s">
        <v>36</v>
      </c>
      <c r="S191" s="72"/>
      <c r="T191" s="72" t="s">
        <v>31</v>
      </c>
      <c r="U191" s="72"/>
      <c r="V191" s="5" t="s">
        <v>37</v>
      </c>
      <c r="W191" s="72" t="s">
        <v>660</v>
      </c>
    </row>
    <row r="192" spans="1:23" s="4" customFormat="1" ht="19.899999999999999" customHeight="1">
      <c r="A192" s="9">
        <v>111330011</v>
      </c>
      <c r="B192" s="2"/>
      <c r="C192" s="3" t="s">
        <v>680</v>
      </c>
      <c r="D192" s="4" t="s">
        <v>135</v>
      </c>
      <c r="E192" s="2" t="s">
        <v>303</v>
      </c>
      <c r="F192" s="8" t="s">
        <v>681</v>
      </c>
      <c r="G192" s="2" t="s">
        <v>682</v>
      </c>
      <c r="H192" s="72"/>
      <c r="I192" s="72"/>
      <c r="J192" s="72" t="s">
        <v>581</v>
      </c>
      <c r="K192" s="73" t="s">
        <v>389</v>
      </c>
      <c r="L192" s="72"/>
      <c r="M192" s="72"/>
      <c r="N192" s="72" t="s">
        <v>409</v>
      </c>
      <c r="O192" s="72" t="s">
        <v>312</v>
      </c>
      <c r="P192" s="72">
        <v>555</v>
      </c>
      <c r="Q192" s="72">
        <v>690</v>
      </c>
      <c r="R192" s="72" t="s">
        <v>36</v>
      </c>
      <c r="S192" s="72"/>
      <c r="T192" s="72" t="s">
        <v>31</v>
      </c>
      <c r="U192" s="72"/>
      <c r="V192" s="5" t="s">
        <v>37</v>
      </c>
      <c r="W192" s="72" t="s">
        <v>660</v>
      </c>
    </row>
    <row r="193" spans="1:23" s="4" customFormat="1" ht="19.899999999999999" customHeight="1">
      <c r="A193" s="9">
        <v>111330012</v>
      </c>
      <c r="B193" s="2"/>
      <c r="C193" s="3" t="s">
        <v>683</v>
      </c>
      <c r="D193" s="4" t="s">
        <v>135</v>
      </c>
      <c r="E193" s="2" t="s">
        <v>303</v>
      </c>
      <c r="F193" s="8" t="s">
        <v>684</v>
      </c>
      <c r="G193" s="2" t="s">
        <v>685</v>
      </c>
      <c r="H193" s="72"/>
      <c r="I193" s="72"/>
      <c r="J193" s="72" t="s">
        <v>581</v>
      </c>
      <c r="K193" s="73" t="s">
        <v>389</v>
      </c>
      <c r="L193" s="72"/>
      <c r="M193" s="72"/>
      <c r="N193" s="72" t="s">
        <v>409</v>
      </c>
      <c r="O193" s="72" t="s">
        <v>312</v>
      </c>
      <c r="P193" s="72">
        <v>180</v>
      </c>
      <c r="Q193" s="72">
        <v>350</v>
      </c>
      <c r="R193" s="72" t="s">
        <v>36</v>
      </c>
      <c r="S193" s="72"/>
      <c r="T193" s="72" t="s">
        <v>31</v>
      </c>
      <c r="U193" s="72"/>
      <c r="V193" s="5" t="s">
        <v>37</v>
      </c>
      <c r="W193" s="72" t="s">
        <v>660</v>
      </c>
    </row>
    <row r="194" spans="1:23" s="4" customFormat="1" ht="19.899999999999999" customHeight="1">
      <c r="A194" s="9">
        <v>896240001</v>
      </c>
      <c r="B194" s="2"/>
      <c r="C194" s="3" t="s">
        <v>686</v>
      </c>
      <c r="D194" s="4" t="s">
        <v>137</v>
      </c>
      <c r="E194" s="2" t="s">
        <v>27</v>
      </c>
      <c r="F194" s="8" t="s">
        <v>687</v>
      </c>
      <c r="G194" s="2" t="s">
        <v>688</v>
      </c>
      <c r="H194" s="72"/>
      <c r="I194" s="72"/>
      <c r="J194" s="72" t="s">
        <v>581</v>
      </c>
      <c r="K194" s="73" t="s">
        <v>389</v>
      </c>
      <c r="L194" s="72"/>
      <c r="M194" s="72"/>
      <c r="N194" s="72" t="s">
        <v>409</v>
      </c>
      <c r="O194" s="72" t="s">
        <v>312</v>
      </c>
      <c r="P194" s="72">
        <v>200</v>
      </c>
      <c r="Q194" s="72">
        <v>150</v>
      </c>
      <c r="R194" s="72" t="s">
        <v>36</v>
      </c>
      <c r="S194" s="72"/>
      <c r="T194" s="72" t="s">
        <v>31</v>
      </c>
      <c r="U194" s="72"/>
      <c r="V194" s="5" t="s">
        <v>37</v>
      </c>
      <c r="W194" s="72" t="s">
        <v>764</v>
      </c>
    </row>
    <row r="195" spans="1:23" s="4" customFormat="1" ht="19.899999999999999" customHeight="1">
      <c r="A195" s="9">
        <v>894240004</v>
      </c>
      <c r="B195" s="2"/>
      <c r="C195" s="3" t="s">
        <v>689</v>
      </c>
      <c r="D195" s="4" t="s">
        <v>137</v>
      </c>
      <c r="E195" s="2" t="s">
        <v>27</v>
      </c>
      <c r="F195" s="8" t="s">
        <v>690</v>
      </c>
      <c r="G195" s="2" t="s">
        <v>691</v>
      </c>
      <c r="H195" s="72"/>
      <c r="I195" s="72"/>
      <c r="J195" s="72" t="s">
        <v>581</v>
      </c>
      <c r="K195" s="73" t="s">
        <v>611</v>
      </c>
      <c r="L195" s="72"/>
      <c r="M195" s="72"/>
      <c r="N195" s="72" t="s">
        <v>409</v>
      </c>
      <c r="O195" s="72" t="s">
        <v>312</v>
      </c>
      <c r="P195" s="72">
        <v>290</v>
      </c>
      <c r="Q195" s="72">
        <v>450</v>
      </c>
      <c r="R195" s="72" t="s">
        <v>36</v>
      </c>
      <c r="S195" s="72"/>
      <c r="T195" s="72" t="s">
        <v>31</v>
      </c>
      <c r="U195" s="72"/>
      <c r="V195" s="5" t="s">
        <v>37</v>
      </c>
      <c r="W195" s="72" t="s">
        <v>764</v>
      </c>
    </row>
    <row r="196" spans="1:23" s="4" customFormat="1" ht="19.899999999999999" customHeight="1">
      <c r="A196" s="9">
        <v>896240002</v>
      </c>
      <c r="B196" s="2"/>
      <c r="C196" s="3" t="s">
        <v>692</v>
      </c>
      <c r="D196" s="4" t="s">
        <v>137</v>
      </c>
      <c r="E196" s="2" t="s">
        <v>27</v>
      </c>
      <c r="F196" s="8" t="s">
        <v>690</v>
      </c>
      <c r="G196" s="2" t="s">
        <v>693</v>
      </c>
      <c r="H196" s="72"/>
      <c r="I196" s="72"/>
      <c r="J196" s="72" t="s">
        <v>581</v>
      </c>
      <c r="K196" s="73" t="s">
        <v>611</v>
      </c>
      <c r="L196" s="72"/>
      <c r="M196" s="72"/>
      <c r="N196" s="72" t="s">
        <v>409</v>
      </c>
      <c r="O196" s="72" t="s">
        <v>312</v>
      </c>
      <c r="P196" s="72">
        <v>390</v>
      </c>
      <c r="Q196" s="72">
        <v>550</v>
      </c>
      <c r="R196" s="72" t="s">
        <v>36</v>
      </c>
      <c r="S196" s="72"/>
      <c r="T196" s="72" t="s">
        <v>31</v>
      </c>
      <c r="U196" s="72"/>
      <c r="V196" s="5" t="s">
        <v>37</v>
      </c>
      <c r="W196" s="72" t="s">
        <v>764</v>
      </c>
    </row>
    <row r="197" spans="1:23" s="4" customFormat="1" ht="19.899999999999999" customHeight="1">
      <c r="A197" s="9">
        <v>550230001</v>
      </c>
      <c r="B197" s="2"/>
      <c r="C197" s="3" t="s">
        <v>694</v>
      </c>
      <c r="D197" s="4" t="s">
        <v>135</v>
      </c>
      <c r="E197" s="2" t="s">
        <v>292</v>
      </c>
      <c r="F197" s="8" t="s">
        <v>695</v>
      </c>
      <c r="G197" s="2" t="s">
        <v>696</v>
      </c>
      <c r="H197" s="72"/>
      <c r="I197" s="72"/>
      <c r="J197" s="72" t="s">
        <v>581</v>
      </c>
      <c r="K197" s="73" t="s">
        <v>642</v>
      </c>
      <c r="L197" s="72"/>
      <c r="M197" s="72"/>
      <c r="N197" s="72" t="s">
        <v>409</v>
      </c>
      <c r="O197" s="72" t="s">
        <v>312</v>
      </c>
      <c r="P197" s="72">
        <v>85</v>
      </c>
      <c r="Q197" s="72">
        <v>129</v>
      </c>
      <c r="R197" s="72" t="s">
        <v>36</v>
      </c>
      <c r="S197" s="72"/>
      <c r="T197" s="72" t="s">
        <v>31</v>
      </c>
      <c r="U197" s="72"/>
      <c r="V197" s="5" t="s">
        <v>37</v>
      </c>
      <c r="W197" s="72" t="s">
        <v>765</v>
      </c>
    </row>
    <row r="198" spans="1:23" s="4" customFormat="1" ht="19.899999999999999" customHeight="1">
      <c r="A198" s="9">
        <v>558330002</v>
      </c>
      <c r="B198" s="2"/>
      <c r="C198" s="3" t="s">
        <v>697</v>
      </c>
      <c r="D198" s="4" t="s">
        <v>135</v>
      </c>
      <c r="E198" s="2" t="s">
        <v>303</v>
      </c>
      <c r="F198" s="8" t="s">
        <v>698</v>
      </c>
      <c r="G198" s="2" t="s">
        <v>699</v>
      </c>
      <c r="H198" s="72"/>
      <c r="I198" s="72"/>
      <c r="J198" s="72" t="s">
        <v>581</v>
      </c>
      <c r="K198" s="73" t="s">
        <v>611</v>
      </c>
      <c r="L198" s="72"/>
      <c r="M198" s="72"/>
      <c r="N198" s="72" t="s">
        <v>409</v>
      </c>
      <c r="O198" s="72" t="s">
        <v>312</v>
      </c>
      <c r="P198" s="81">
        <v>1400</v>
      </c>
      <c r="Q198" s="81">
        <v>1799</v>
      </c>
      <c r="R198" s="72" t="s">
        <v>36</v>
      </c>
      <c r="S198" s="72"/>
      <c r="T198" s="72" t="s">
        <v>31</v>
      </c>
      <c r="U198" s="72"/>
      <c r="V198" s="5" t="s">
        <v>37</v>
      </c>
      <c r="W198" s="72" t="s">
        <v>700</v>
      </c>
    </row>
    <row r="199" spans="1:23" s="4" customFormat="1" ht="19.899999999999999" customHeight="1">
      <c r="A199" s="9">
        <v>564330007</v>
      </c>
      <c r="B199" s="2"/>
      <c r="C199" s="3" t="s">
        <v>701</v>
      </c>
      <c r="D199" s="4" t="s">
        <v>135</v>
      </c>
      <c r="E199" s="2" t="s">
        <v>27</v>
      </c>
      <c r="F199" s="8" t="s">
        <v>702</v>
      </c>
      <c r="G199" s="2" t="s">
        <v>703</v>
      </c>
      <c r="H199" s="72"/>
      <c r="I199" s="72"/>
      <c r="J199" s="72" t="s">
        <v>581</v>
      </c>
      <c r="K199" s="73" t="s">
        <v>404</v>
      </c>
      <c r="L199" s="72"/>
      <c r="M199" s="72"/>
      <c r="N199" s="72" t="s">
        <v>409</v>
      </c>
      <c r="O199" s="72" t="s">
        <v>312</v>
      </c>
      <c r="P199" s="72">
        <v>800</v>
      </c>
      <c r="Q199" s="81">
        <v>1000</v>
      </c>
      <c r="R199" s="72" t="s">
        <v>36</v>
      </c>
      <c r="S199" s="72"/>
      <c r="T199" s="72" t="s">
        <v>76</v>
      </c>
      <c r="U199" s="72"/>
      <c r="V199" s="5" t="s">
        <v>37</v>
      </c>
      <c r="W199" s="72" t="s">
        <v>410</v>
      </c>
    </row>
    <row r="200" spans="1:23" s="4" customFormat="1" ht="19.899999999999999" customHeight="1">
      <c r="A200" s="9">
        <v>564330018</v>
      </c>
      <c r="B200" s="2"/>
      <c r="C200" s="3" t="s">
        <v>704</v>
      </c>
      <c r="D200" s="4" t="s">
        <v>135</v>
      </c>
      <c r="E200" s="2" t="s">
        <v>27</v>
      </c>
      <c r="F200" s="8" t="s">
        <v>705</v>
      </c>
      <c r="G200" s="2" t="s">
        <v>706</v>
      </c>
      <c r="H200" s="72"/>
      <c r="I200" s="72"/>
      <c r="J200" s="72" t="s">
        <v>581</v>
      </c>
      <c r="K200" s="73" t="s">
        <v>707</v>
      </c>
      <c r="L200" s="72"/>
      <c r="M200" s="72"/>
      <c r="N200" s="72" t="s">
        <v>409</v>
      </c>
      <c r="O200" s="72" t="s">
        <v>312</v>
      </c>
      <c r="P200" s="72">
        <v>50</v>
      </c>
      <c r="Q200" s="72">
        <v>79</v>
      </c>
      <c r="R200" s="72" t="s">
        <v>36</v>
      </c>
      <c r="S200" s="72"/>
      <c r="T200" s="72" t="s">
        <v>76</v>
      </c>
      <c r="U200" s="72"/>
      <c r="V200" s="5" t="s">
        <v>37</v>
      </c>
      <c r="W200" s="72" t="s">
        <v>410</v>
      </c>
    </row>
    <row r="201" spans="1:23" s="4" customFormat="1" ht="19.899999999999999" customHeight="1">
      <c r="A201" s="9">
        <v>564330021</v>
      </c>
      <c r="B201" s="2"/>
      <c r="C201" s="3" t="s">
        <v>708</v>
      </c>
      <c r="D201" s="4" t="s">
        <v>135</v>
      </c>
      <c r="E201" s="2" t="s">
        <v>303</v>
      </c>
      <c r="F201" s="8" t="s">
        <v>709</v>
      </c>
      <c r="G201" s="2" t="s">
        <v>710</v>
      </c>
      <c r="H201" s="72"/>
      <c r="I201" s="72"/>
      <c r="J201" s="72" t="s">
        <v>581</v>
      </c>
      <c r="K201" s="73" t="s">
        <v>707</v>
      </c>
      <c r="L201" s="72"/>
      <c r="M201" s="72"/>
      <c r="N201" s="72" t="s">
        <v>409</v>
      </c>
      <c r="O201" s="72" t="s">
        <v>312</v>
      </c>
      <c r="P201" s="72">
        <v>250</v>
      </c>
      <c r="Q201" s="72">
        <v>390</v>
      </c>
      <c r="R201" s="72" t="s">
        <v>36</v>
      </c>
      <c r="S201" s="72"/>
      <c r="T201" s="72" t="s">
        <v>76</v>
      </c>
      <c r="U201" s="72"/>
      <c r="V201" s="5" t="s">
        <v>37</v>
      </c>
      <c r="W201" s="72" t="s">
        <v>410</v>
      </c>
    </row>
    <row r="202" spans="1:23" s="4" customFormat="1" ht="19.899999999999999" customHeight="1">
      <c r="A202" s="9">
        <v>110330026</v>
      </c>
      <c r="B202" s="2" t="s">
        <v>711</v>
      </c>
      <c r="C202" s="3" t="s">
        <v>712</v>
      </c>
      <c r="D202" s="4" t="s">
        <v>135</v>
      </c>
      <c r="E202" s="2" t="s">
        <v>27</v>
      </c>
      <c r="F202" s="8" t="s">
        <v>713</v>
      </c>
      <c r="G202" s="2" t="s">
        <v>714</v>
      </c>
      <c r="H202" s="72"/>
      <c r="I202" s="72"/>
      <c r="J202" s="72" t="s">
        <v>581</v>
      </c>
      <c r="K202" s="73" t="s">
        <v>611</v>
      </c>
      <c r="L202" s="72"/>
      <c r="M202" s="72"/>
      <c r="N202" s="72" t="s">
        <v>409</v>
      </c>
      <c r="O202" s="72" t="s">
        <v>312</v>
      </c>
      <c r="P202" s="81">
        <v>1000</v>
      </c>
      <c r="Q202" s="81">
        <v>1390</v>
      </c>
      <c r="R202" s="72" t="s">
        <v>36</v>
      </c>
      <c r="S202" s="72"/>
      <c r="T202" s="72" t="s">
        <v>31</v>
      </c>
      <c r="U202" s="72"/>
      <c r="V202" s="5" t="s">
        <v>37</v>
      </c>
      <c r="W202" s="72" t="s">
        <v>715</v>
      </c>
    </row>
    <row r="203" spans="1:23" s="4" customFormat="1" ht="19.899999999999999" customHeight="1">
      <c r="A203" s="9">
        <v>110330028</v>
      </c>
      <c r="B203" s="2" t="s">
        <v>716</v>
      </c>
      <c r="C203" s="3" t="s">
        <v>717</v>
      </c>
      <c r="D203" s="4" t="s">
        <v>135</v>
      </c>
      <c r="E203" s="2" t="s">
        <v>27</v>
      </c>
      <c r="F203" s="8" t="s">
        <v>718</v>
      </c>
      <c r="G203" s="2" t="s">
        <v>719</v>
      </c>
      <c r="H203" s="72"/>
      <c r="I203" s="72"/>
      <c r="J203" s="72" t="s">
        <v>581</v>
      </c>
      <c r="K203" s="73" t="s">
        <v>611</v>
      </c>
      <c r="L203" s="72"/>
      <c r="M203" s="72"/>
      <c r="N203" s="72" t="s">
        <v>409</v>
      </c>
      <c r="O203" s="72" t="s">
        <v>312</v>
      </c>
      <c r="P203" s="81">
        <v>1100</v>
      </c>
      <c r="Q203" s="81">
        <v>1890</v>
      </c>
      <c r="R203" s="72" t="s">
        <v>36</v>
      </c>
      <c r="S203" s="72"/>
      <c r="T203" s="72" t="s">
        <v>31</v>
      </c>
      <c r="U203" s="72"/>
      <c r="V203" s="5" t="s">
        <v>37</v>
      </c>
      <c r="W203" s="72" t="s">
        <v>720</v>
      </c>
    </row>
    <row r="204" spans="1:23" s="4" customFormat="1" ht="19.899999999999999" customHeight="1">
      <c r="A204" s="9">
        <v>110330029</v>
      </c>
      <c r="B204" s="2" t="s">
        <v>716</v>
      </c>
      <c r="C204" s="3" t="s">
        <v>721</v>
      </c>
      <c r="D204" s="4" t="s">
        <v>135</v>
      </c>
      <c r="E204" s="2" t="s">
        <v>27</v>
      </c>
      <c r="F204" s="8" t="s">
        <v>718</v>
      </c>
      <c r="G204" s="2" t="s">
        <v>722</v>
      </c>
      <c r="H204" s="72"/>
      <c r="I204" s="72"/>
      <c r="J204" s="72" t="s">
        <v>581</v>
      </c>
      <c r="K204" s="73" t="s">
        <v>611</v>
      </c>
      <c r="L204" s="72"/>
      <c r="M204" s="72"/>
      <c r="N204" s="72" t="s">
        <v>409</v>
      </c>
      <c r="O204" s="72" t="s">
        <v>312</v>
      </c>
      <c r="P204" s="81">
        <v>1200</v>
      </c>
      <c r="Q204" s="81">
        <v>1990</v>
      </c>
      <c r="R204" s="72" t="s">
        <v>36</v>
      </c>
      <c r="S204" s="72"/>
      <c r="T204" s="72" t="s">
        <v>31</v>
      </c>
      <c r="U204" s="72"/>
      <c r="V204" s="5" t="s">
        <v>37</v>
      </c>
      <c r="W204" s="72" t="s">
        <v>720</v>
      </c>
    </row>
    <row r="205" spans="1:23" s="4" customFormat="1" ht="19.899999999999999" customHeight="1">
      <c r="A205" s="9">
        <v>110330031</v>
      </c>
      <c r="B205" s="2" t="s">
        <v>716</v>
      </c>
      <c r="C205" s="3" t="s">
        <v>723</v>
      </c>
      <c r="D205" s="4" t="s">
        <v>135</v>
      </c>
      <c r="E205" s="2" t="s">
        <v>27</v>
      </c>
      <c r="F205" s="8" t="s">
        <v>718</v>
      </c>
      <c r="G205" s="8" t="s">
        <v>724</v>
      </c>
      <c r="H205" s="72"/>
      <c r="I205" s="72"/>
      <c r="J205" s="72" t="s">
        <v>581</v>
      </c>
      <c r="K205" s="73" t="s">
        <v>611</v>
      </c>
      <c r="L205" s="72"/>
      <c r="M205" s="72"/>
      <c r="N205" s="72" t="s">
        <v>409</v>
      </c>
      <c r="O205" s="72" t="s">
        <v>312</v>
      </c>
      <c r="P205" s="72">
        <v>800</v>
      </c>
      <c r="Q205" s="81">
        <v>1290</v>
      </c>
      <c r="R205" s="72" t="s">
        <v>36</v>
      </c>
      <c r="S205" s="72"/>
      <c r="T205" s="72" t="s">
        <v>31</v>
      </c>
      <c r="U205" s="72"/>
      <c r="V205" s="5" t="s">
        <v>37</v>
      </c>
      <c r="W205" s="72" t="s">
        <v>720</v>
      </c>
    </row>
    <row r="206" spans="1:23" s="4" customFormat="1" ht="19.899999999999999" customHeight="1">
      <c r="A206" s="9">
        <v>110330033</v>
      </c>
      <c r="B206" s="2" t="s">
        <v>716</v>
      </c>
      <c r="C206" s="3" t="s">
        <v>725</v>
      </c>
      <c r="D206" s="4" t="s">
        <v>135</v>
      </c>
      <c r="E206" s="2" t="s">
        <v>27</v>
      </c>
      <c r="F206" s="8" t="s">
        <v>718</v>
      </c>
      <c r="G206" s="2" t="s">
        <v>726</v>
      </c>
      <c r="H206" s="72"/>
      <c r="I206" s="72"/>
      <c r="J206" s="72" t="s">
        <v>581</v>
      </c>
      <c r="K206" s="73" t="s">
        <v>611</v>
      </c>
      <c r="L206" s="72"/>
      <c r="M206" s="72"/>
      <c r="N206" s="72" t="s">
        <v>409</v>
      </c>
      <c r="O206" s="72" t="s">
        <v>312</v>
      </c>
      <c r="P206" s="72">
        <v>850</v>
      </c>
      <c r="Q206" s="81">
        <v>1590</v>
      </c>
      <c r="R206" s="72" t="s">
        <v>36</v>
      </c>
      <c r="S206" s="72"/>
      <c r="T206" s="72" t="s">
        <v>31</v>
      </c>
      <c r="U206" s="72"/>
      <c r="V206" s="5" t="s">
        <v>37</v>
      </c>
      <c r="W206" s="72" t="s">
        <v>720</v>
      </c>
    </row>
    <row r="207" spans="1:23" s="4" customFormat="1" ht="19.899999999999999" customHeight="1">
      <c r="A207" s="9">
        <v>110330034</v>
      </c>
      <c r="B207" s="2" t="s">
        <v>716</v>
      </c>
      <c r="C207" s="3" t="s">
        <v>727</v>
      </c>
      <c r="D207" s="4" t="s">
        <v>135</v>
      </c>
      <c r="E207" s="2" t="s">
        <v>27</v>
      </c>
      <c r="F207" s="8" t="s">
        <v>718</v>
      </c>
      <c r="G207" s="2" t="s">
        <v>728</v>
      </c>
      <c r="H207" s="72"/>
      <c r="I207" s="72"/>
      <c r="J207" s="72" t="s">
        <v>581</v>
      </c>
      <c r="K207" s="73" t="s">
        <v>611</v>
      </c>
      <c r="L207" s="72"/>
      <c r="M207" s="72"/>
      <c r="N207" s="72" t="s">
        <v>409</v>
      </c>
      <c r="O207" s="72" t="s">
        <v>312</v>
      </c>
      <c r="P207" s="72">
        <v>550</v>
      </c>
      <c r="Q207" s="72">
        <v>990</v>
      </c>
      <c r="R207" s="72" t="s">
        <v>36</v>
      </c>
      <c r="S207" s="72"/>
      <c r="T207" s="72" t="s">
        <v>31</v>
      </c>
      <c r="U207" s="72"/>
      <c r="V207" s="5" t="s">
        <v>37</v>
      </c>
      <c r="W207" s="72" t="s">
        <v>720</v>
      </c>
    </row>
    <row r="208" spans="1:23" s="4" customFormat="1" ht="19.899999999999999" customHeight="1">
      <c r="A208" s="9">
        <v>110330035</v>
      </c>
      <c r="B208" s="2" t="s">
        <v>716</v>
      </c>
      <c r="C208" s="3" t="s">
        <v>729</v>
      </c>
      <c r="D208" s="4" t="s">
        <v>135</v>
      </c>
      <c r="E208" s="2" t="s">
        <v>27</v>
      </c>
      <c r="F208" s="8" t="s">
        <v>718</v>
      </c>
      <c r="G208" s="13" t="s">
        <v>730</v>
      </c>
      <c r="H208" s="72"/>
      <c r="I208" s="72"/>
      <c r="J208" s="72" t="s">
        <v>581</v>
      </c>
      <c r="K208" s="73" t="s">
        <v>611</v>
      </c>
      <c r="L208" s="72"/>
      <c r="M208" s="72"/>
      <c r="N208" s="72" t="s">
        <v>409</v>
      </c>
      <c r="O208" s="72" t="s">
        <v>312</v>
      </c>
      <c r="P208" s="81">
        <v>1200</v>
      </c>
      <c r="Q208" s="81">
        <v>1990</v>
      </c>
      <c r="R208" s="72" t="s">
        <v>36</v>
      </c>
      <c r="S208" s="72"/>
      <c r="T208" s="72" t="s">
        <v>31</v>
      </c>
      <c r="U208" s="72"/>
      <c r="V208" s="5" t="s">
        <v>37</v>
      </c>
      <c r="W208" s="72" t="s">
        <v>720</v>
      </c>
    </row>
    <row r="209" spans="1:23" s="4" customFormat="1" ht="19.899999999999999" customHeight="1">
      <c r="A209" s="9">
        <v>556330014</v>
      </c>
      <c r="B209" s="2" t="s">
        <v>731</v>
      </c>
      <c r="C209" s="3" t="s">
        <v>732</v>
      </c>
      <c r="D209" s="4" t="s">
        <v>135</v>
      </c>
      <c r="E209" s="2" t="s">
        <v>733</v>
      </c>
      <c r="F209" s="8" t="s">
        <v>734</v>
      </c>
      <c r="G209" s="14" t="s">
        <v>735</v>
      </c>
      <c r="H209" s="72"/>
      <c r="I209" s="72"/>
      <c r="J209" s="72" t="s">
        <v>581</v>
      </c>
      <c r="K209" s="73" t="s">
        <v>707</v>
      </c>
      <c r="L209" s="72"/>
      <c r="M209" s="72"/>
      <c r="N209" s="72" t="s">
        <v>409</v>
      </c>
      <c r="O209" s="72" t="s">
        <v>312</v>
      </c>
      <c r="P209" s="72">
        <v>130</v>
      </c>
      <c r="Q209" s="72">
        <v>190</v>
      </c>
      <c r="R209" s="72" t="s">
        <v>36</v>
      </c>
      <c r="S209" s="72"/>
      <c r="T209" s="72" t="s">
        <v>31</v>
      </c>
      <c r="U209" s="72"/>
      <c r="V209" s="5" t="s">
        <v>37</v>
      </c>
      <c r="W209" s="72" t="s">
        <v>736</v>
      </c>
    </row>
    <row r="210" spans="1:23" s="4" customFormat="1" ht="19.899999999999999" customHeight="1">
      <c r="A210" s="1">
        <v>112330008</v>
      </c>
      <c r="B210" s="2" t="s">
        <v>737</v>
      </c>
      <c r="C210" s="3" t="s">
        <v>738</v>
      </c>
      <c r="D210" s="4" t="s">
        <v>135</v>
      </c>
      <c r="E210" s="2" t="s">
        <v>27</v>
      </c>
      <c r="F210" s="8" t="s">
        <v>739</v>
      </c>
      <c r="G210" s="2" t="s">
        <v>740</v>
      </c>
      <c r="H210" s="72"/>
      <c r="I210" s="72"/>
      <c r="J210" s="72" t="s">
        <v>581</v>
      </c>
      <c r="K210" s="73" t="s">
        <v>707</v>
      </c>
      <c r="L210" s="72"/>
      <c r="M210" s="72"/>
      <c r="N210" s="72" t="s">
        <v>409</v>
      </c>
      <c r="O210" s="72" t="s">
        <v>312</v>
      </c>
      <c r="P210" s="72">
        <v>190</v>
      </c>
      <c r="Q210" s="72">
        <v>250</v>
      </c>
      <c r="R210" s="72" t="s">
        <v>36</v>
      </c>
      <c r="S210" s="72"/>
      <c r="T210" s="72" t="s">
        <v>31</v>
      </c>
      <c r="U210" s="72"/>
      <c r="V210" s="5" t="s">
        <v>37</v>
      </c>
      <c r="W210" s="72" t="s">
        <v>766</v>
      </c>
    </row>
    <row r="211" spans="1:23" s="4" customFormat="1" ht="19.899999999999999" customHeight="1">
      <c r="A211" s="9">
        <v>619330006</v>
      </c>
      <c r="B211" s="2"/>
      <c r="C211" s="3" t="s">
        <v>741</v>
      </c>
      <c r="D211" s="4" t="s">
        <v>135</v>
      </c>
      <c r="E211" s="2" t="s">
        <v>27</v>
      </c>
      <c r="F211" s="8" t="s">
        <v>742</v>
      </c>
      <c r="G211" s="2" t="s">
        <v>743</v>
      </c>
      <c r="H211" s="72"/>
      <c r="I211" s="72"/>
      <c r="J211" s="72" t="s">
        <v>581</v>
      </c>
      <c r="K211" s="73" t="s">
        <v>505</v>
      </c>
      <c r="L211" s="72"/>
      <c r="M211" s="72"/>
      <c r="N211" s="72" t="s">
        <v>409</v>
      </c>
      <c r="O211" s="72" t="s">
        <v>516</v>
      </c>
      <c r="P211" s="72">
        <v>300</v>
      </c>
      <c r="Q211" s="72">
        <v>650</v>
      </c>
      <c r="R211" s="72" t="s">
        <v>36</v>
      </c>
      <c r="S211" s="72"/>
      <c r="T211" s="72" t="s">
        <v>31</v>
      </c>
      <c r="U211" s="72"/>
      <c r="V211" s="5" t="s">
        <v>37</v>
      </c>
      <c r="W211" s="72" t="s">
        <v>744</v>
      </c>
    </row>
    <row r="212" spans="1:23" s="4" customFormat="1" ht="19.899999999999999" customHeight="1">
      <c r="A212" s="9">
        <v>113330005</v>
      </c>
      <c r="B212" s="2"/>
      <c r="C212" s="3" t="s">
        <v>745</v>
      </c>
      <c r="D212" s="4" t="s">
        <v>135</v>
      </c>
      <c r="E212" s="2" t="s">
        <v>27</v>
      </c>
      <c r="F212" s="8" t="s">
        <v>746</v>
      </c>
      <c r="G212" s="2" t="s">
        <v>747</v>
      </c>
      <c r="H212" s="72"/>
      <c r="I212" s="72"/>
      <c r="J212" s="72" t="s">
        <v>581</v>
      </c>
      <c r="K212" s="73" t="s">
        <v>748</v>
      </c>
      <c r="L212" s="72"/>
      <c r="M212" s="72"/>
      <c r="N212" s="72" t="s">
        <v>409</v>
      </c>
      <c r="O212" s="72" t="s">
        <v>516</v>
      </c>
      <c r="P212" s="72">
        <v>700</v>
      </c>
      <c r="Q212" s="81">
        <v>1000</v>
      </c>
      <c r="R212" s="72" t="s">
        <v>36</v>
      </c>
      <c r="S212" s="72"/>
      <c r="T212" s="72" t="s">
        <v>31</v>
      </c>
      <c r="U212" s="72"/>
      <c r="V212" s="5" t="s">
        <v>37</v>
      </c>
      <c r="W212" s="72" t="s">
        <v>744</v>
      </c>
    </row>
    <row r="213" spans="1:23" s="4" customFormat="1" ht="19.899999999999999" customHeight="1">
      <c r="A213" s="9">
        <v>113330006</v>
      </c>
      <c r="B213" s="2"/>
      <c r="C213" s="3" t="s">
        <v>749</v>
      </c>
      <c r="D213" s="4" t="s">
        <v>135</v>
      </c>
      <c r="E213" s="2" t="s">
        <v>27</v>
      </c>
      <c r="F213" s="8" t="s">
        <v>750</v>
      </c>
      <c r="G213" s="2" t="s">
        <v>751</v>
      </c>
      <c r="H213" s="72"/>
      <c r="I213" s="72"/>
      <c r="J213" s="72" t="s">
        <v>581</v>
      </c>
      <c r="K213" s="73" t="s">
        <v>748</v>
      </c>
      <c r="L213" s="72"/>
      <c r="M213" s="72"/>
      <c r="N213" s="72" t="s">
        <v>409</v>
      </c>
      <c r="O213" s="72" t="s">
        <v>516</v>
      </c>
      <c r="P213" s="81">
        <v>1000</v>
      </c>
      <c r="Q213" s="81">
        <v>1500</v>
      </c>
      <c r="R213" s="72" t="s">
        <v>36</v>
      </c>
      <c r="S213" s="72"/>
      <c r="T213" s="72" t="s">
        <v>31</v>
      </c>
      <c r="U213" s="72"/>
      <c r="V213" s="5" t="s">
        <v>37</v>
      </c>
      <c r="W213" s="72" t="s">
        <v>744</v>
      </c>
    </row>
    <row r="214" spans="1:23" s="4" customFormat="1" ht="19.899999999999999" customHeight="1">
      <c r="A214" s="9">
        <v>227330010</v>
      </c>
      <c r="B214" s="2"/>
      <c r="C214" s="3" t="s">
        <v>752</v>
      </c>
      <c r="D214" s="4" t="s">
        <v>135</v>
      </c>
      <c r="E214" s="2" t="s">
        <v>86</v>
      </c>
      <c r="F214" s="8" t="s">
        <v>753</v>
      </c>
      <c r="G214" s="2" t="s">
        <v>754</v>
      </c>
      <c r="H214" s="72"/>
      <c r="I214" s="72"/>
      <c r="J214" s="72" t="s">
        <v>581</v>
      </c>
      <c r="K214" s="73" t="s">
        <v>611</v>
      </c>
      <c r="L214" s="72"/>
      <c r="M214" s="72"/>
      <c r="N214" s="72" t="s">
        <v>409</v>
      </c>
      <c r="O214" s="72" t="s">
        <v>312</v>
      </c>
      <c r="P214" s="72">
        <v>180</v>
      </c>
      <c r="Q214" s="72">
        <v>300</v>
      </c>
      <c r="R214" s="72" t="s">
        <v>90</v>
      </c>
      <c r="S214" s="72"/>
      <c r="T214" s="72" t="s">
        <v>31</v>
      </c>
      <c r="U214" s="72"/>
      <c r="V214" s="5" t="s">
        <v>37</v>
      </c>
      <c r="W214" s="72" t="s">
        <v>755</v>
      </c>
    </row>
    <row r="215" spans="1:23" s="4" customFormat="1" ht="19.899999999999999" customHeight="1">
      <c r="A215" s="9">
        <v>110340072</v>
      </c>
      <c r="B215" s="2"/>
      <c r="C215" s="3" t="s">
        <v>442</v>
      </c>
      <c r="D215" s="4" t="s">
        <v>137</v>
      </c>
      <c r="E215" s="2" t="s">
        <v>443</v>
      </c>
      <c r="F215" s="8" t="s">
        <v>756</v>
      </c>
      <c r="G215" s="2" t="s">
        <v>445</v>
      </c>
      <c r="H215" s="72"/>
      <c r="I215" s="72"/>
      <c r="J215" s="72" t="s">
        <v>581</v>
      </c>
      <c r="K215" s="73" t="s">
        <v>707</v>
      </c>
      <c r="L215" s="72"/>
      <c r="M215" s="72"/>
      <c r="N215" s="72" t="s">
        <v>409</v>
      </c>
      <c r="O215" s="72" t="s">
        <v>516</v>
      </c>
      <c r="P215" s="72">
        <v>36</v>
      </c>
      <c r="Q215" s="72"/>
      <c r="R215" s="72" t="s">
        <v>36</v>
      </c>
      <c r="S215" s="72"/>
      <c r="T215" s="72" t="s">
        <v>52</v>
      </c>
      <c r="U215" s="72"/>
      <c r="V215" s="5" t="s">
        <v>37</v>
      </c>
      <c r="W215" s="72" t="s">
        <v>757</v>
      </c>
    </row>
    <row r="216" spans="1:23" s="4" customFormat="1" ht="19.899999999999999" customHeight="1">
      <c r="A216" s="9">
        <v>110340089</v>
      </c>
      <c r="B216" s="2"/>
      <c r="C216" s="3" t="s">
        <v>758</v>
      </c>
      <c r="D216" s="4" t="s">
        <v>137</v>
      </c>
      <c r="E216" s="2" t="s">
        <v>27</v>
      </c>
      <c r="F216" s="8" t="s">
        <v>759</v>
      </c>
      <c r="G216" s="2" t="s">
        <v>760</v>
      </c>
      <c r="H216" s="72"/>
      <c r="I216" s="72"/>
      <c r="J216" s="72" t="s">
        <v>581</v>
      </c>
      <c r="K216" s="73" t="s">
        <v>505</v>
      </c>
      <c r="L216" s="72"/>
      <c r="M216" s="72"/>
      <c r="N216" s="72" t="s">
        <v>409</v>
      </c>
      <c r="O216" s="72" t="s">
        <v>312</v>
      </c>
      <c r="P216" s="72">
        <v>160</v>
      </c>
      <c r="Q216" s="72">
        <v>180</v>
      </c>
      <c r="R216" s="72" t="s">
        <v>36</v>
      </c>
      <c r="S216" s="84" t="s">
        <v>77</v>
      </c>
      <c r="T216" s="72"/>
      <c r="U216" s="72"/>
      <c r="V216" s="5" t="s">
        <v>37</v>
      </c>
      <c r="W216" s="72" t="s">
        <v>761</v>
      </c>
    </row>
    <row r="217" spans="1:23" s="18" customFormat="1" ht="19.899999999999999" customHeight="1">
      <c r="A217" s="15">
        <v>892330010</v>
      </c>
      <c r="B217" s="16"/>
      <c r="C217" s="17" t="s">
        <v>767</v>
      </c>
      <c r="D217" s="18" t="s">
        <v>135</v>
      </c>
      <c r="E217" s="16" t="s">
        <v>768</v>
      </c>
      <c r="F217" s="19" t="s">
        <v>769</v>
      </c>
      <c r="G217" s="16" t="s">
        <v>770</v>
      </c>
      <c r="H217" s="85"/>
      <c r="I217" s="85"/>
      <c r="J217" s="85" t="s">
        <v>581</v>
      </c>
      <c r="K217" s="86" t="s">
        <v>707</v>
      </c>
      <c r="L217" s="85"/>
      <c r="M217" s="85"/>
      <c r="N217" s="85" t="s">
        <v>409</v>
      </c>
      <c r="O217" s="85" t="s">
        <v>312</v>
      </c>
      <c r="P217" s="85">
        <v>300</v>
      </c>
      <c r="Q217" s="85">
        <v>400</v>
      </c>
      <c r="R217" s="85" t="s">
        <v>36</v>
      </c>
      <c r="S217" s="85"/>
      <c r="T217" s="85" t="s">
        <v>31</v>
      </c>
      <c r="U217" s="85"/>
      <c r="V217" s="20" t="s">
        <v>37</v>
      </c>
      <c r="W217" s="85" t="s">
        <v>771</v>
      </c>
    </row>
    <row r="218" spans="1:23" s="18" customFormat="1" ht="19.899999999999999" customHeight="1">
      <c r="A218" s="15">
        <v>896130007</v>
      </c>
      <c r="B218" s="16"/>
      <c r="C218" s="17" t="s">
        <v>772</v>
      </c>
      <c r="D218" s="18" t="s">
        <v>135</v>
      </c>
      <c r="E218" s="16" t="s">
        <v>27</v>
      </c>
      <c r="F218" s="19" t="s">
        <v>773</v>
      </c>
      <c r="G218" s="16" t="s">
        <v>774</v>
      </c>
      <c r="H218" s="85"/>
      <c r="I218" s="85"/>
      <c r="J218" s="85" t="s">
        <v>581</v>
      </c>
      <c r="K218" s="86" t="s">
        <v>611</v>
      </c>
      <c r="L218" s="85"/>
      <c r="M218" s="85"/>
      <c r="N218" s="85" t="s">
        <v>409</v>
      </c>
      <c r="O218" s="85" t="s">
        <v>312</v>
      </c>
      <c r="P218" s="85">
        <v>500</v>
      </c>
      <c r="Q218" s="85">
        <v>750</v>
      </c>
      <c r="R218" s="85" t="s">
        <v>36</v>
      </c>
      <c r="S218" s="85"/>
      <c r="T218" s="85" t="s">
        <v>31</v>
      </c>
      <c r="U218" s="85"/>
      <c r="V218" s="20" t="s">
        <v>37</v>
      </c>
      <c r="W218" s="85" t="s">
        <v>775</v>
      </c>
    </row>
    <row r="219" spans="1:23" s="18" customFormat="1" ht="19.899999999999999" customHeight="1">
      <c r="A219" s="15">
        <v>896340015</v>
      </c>
      <c r="B219" s="16"/>
      <c r="C219" s="17" t="s">
        <v>776</v>
      </c>
      <c r="D219" s="18" t="s">
        <v>135</v>
      </c>
      <c r="E219" s="16" t="s">
        <v>27</v>
      </c>
      <c r="F219" s="19" t="s">
        <v>777</v>
      </c>
      <c r="G219" s="16" t="s">
        <v>778</v>
      </c>
      <c r="H219" s="85"/>
      <c r="I219" s="85"/>
      <c r="J219" s="85" t="s">
        <v>581</v>
      </c>
      <c r="K219" s="86" t="s">
        <v>611</v>
      </c>
      <c r="L219" s="85"/>
      <c r="M219" s="85"/>
      <c r="N219" s="85" t="s">
        <v>409</v>
      </c>
      <c r="O219" s="85" t="s">
        <v>312</v>
      </c>
      <c r="P219" s="85">
        <v>150</v>
      </c>
      <c r="Q219" s="85">
        <v>250</v>
      </c>
      <c r="R219" s="85" t="s">
        <v>36</v>
      </c>
      <c r="S219" s="85"/>
      <c r="T219" s="85" t="s">
        <v>31</v>
      </c>
      <c r="U219" s="85"/>
      <c r="V219" s="20" t="s">
        <v>37</v>
      </c>
      <c r="W219" s="85" t="s">
        <v>779</v>
      </c>
    </row>
    <row r="220" spans="1:23" s="18" customFormat="1" ht="19.899999999999999" customHeight="1">
      <c r="A220" s="15">
        <v>894340018</v>
      </c>
      <c r="B220" s="16"/>
      <c r="C220" s="17" t="s">
        <v>780</v>
      </c>
      <c r="D220" s="18" t="s">
        <v>137</v>
      </c>
      <c r="E220" s="16" t="s">
        <v>27</v>
      </c>
      <c r="F220" s="19" t="s">
        <v>781</v>
      </c>
      <c r="G220" s="16" t="s">
        <v>782</v>
      </c>
      <c r="H220" s="85"/>
      <c r="I220" s="85"/>
      <c r="J220" s="85" t="s">
        <v>581</v>
      </c>
      <c r="K220" s="86" t="s">
        <v>707</v>
      </c>
      <c r="L220" s="85"/>
      <c r="M220" s="85"/>
      <c r="N220" s="85" t="s">
        <v>409</v>
      </c>
      <c r="O220" s="85" t="s">
        <v>312</v>
      </c>
      <c r="P220" s="85">
        <v>60</v>
      </c>
      <c r="Q220" s="85">
        <v>180</v>
      </c>
      <c r="R220" s="85" t="s">
        <v>90</v>
      </c>
      <c r="S220" s="85"/>
      <c r="T220" s="85" t="s">
        <v>31</v>
      </c>
      <c r="U220" s="85"/>
      <c r="V220" s="20" t="s">
        <v>37</v>
      </c>
      <c r="W220" s="85" t="s">
        <v>783</v>
      </c>
    </row>
    <row r="221" spans="1:23" s="18" customFormat="1" ht="19.899999999999999" customHeight="1">
      <c r="A221" s="15">
        <v>894340029</v>
      </c>
      <c r="B221" s="16"/>
      <c r="C221" s="17" t="s">
        <v>784</v>
      </c>
      <c r="D221" s="18" t="s">
        <v>137</v>
      </c>
      <c r="E221" s="16" t="s">
        <v>27</v>
      </c>
      <c r="F221" s="19" t="s">
        <v>785</v>
      </c>
      <c r="G221" s="16" t="s">
        <v>786</v>
      </c>
      <c r="H221" s="85"/>
      <c r="I221" s="85"/>
      <c r="J221" s="85" t="s">
        <v>581</v>
      </c>
      <c r="K221" s="86" t="s">
        <v>707</v>
      </c>
      <c r="L221" s="85"/>
      <c r="M221" s="85"/>
      <c r="N221" s="85" t="s">
        <v>409</v>
      </c>
      <c r="O221" s="85" t="s">
        <v>312</v>
      </c>
      <c r="P221" s="85">
        <v>120</v>
      </c>
      <c r="Q221" s="85">
        <v>200</v>
      </c>
      <c r="R221" s="85" t="s">
        <v>90</v>
      </c>
      <c r="S221" s="85"/>
      <c r="T221" s="85" t="s">
        <v>31</v>
      </c>
      <c r="U221" s="85"/>
      <c r="V221" s="20" t="s">
        <v>37</v>
      </c>
      <c r="W221" s="85" t="s">
        <v>783</v>
      </c>
    </row>
    <row r="222" spans="1:23" s="18" customFormat="1" ht="19.899999999999999" customHeight="1">
      <c r="A222" s="15">
        <v>894340031</v>
      </c>
      <c r="B222" s="16"/>
      <c r="C222" s="17" t="s">
        <v>787</v>
      </c>
      <c r="D222" s="18" t="s">
        <v>137</v>
      </c>
      <c r="E222" s="16" t="s">
        <v>93</v>
      </c>
      <c r="F222" s="19" t="s">
        <v>788</v>
      </c>
      <c r="G222" s="16" t="s">
        <v>789</v>
      </c>
      <c r="H222" s="85"/>
      <c r="I222" s="85"/>
      <c r="J222" s="85" t="s">
        <v>581</v>
      </c>
      <c r="K222" s="86" t="s">
        <v>707</v>
      </c>
      <c r="L222" s="85"/>
      <c r="M222" s="85"/>
      <c r="N222" s="85" t="s">
        <v>409</v>
      </c>
      <c r="O222" s="85" t="s">
        <v>312</v>
      </c>
      <c r="P222" s="85">
        <v>90</v>
      </c>
      <c r="Q222" s="85">
        <v>200</v>
      </c>
      <c r="R222" s="85" t="s">
        <v>90</v>
      </c>
      <c r="S222" s="85"/>
      <c r="T222" s="85" t="s">
        <v>31</v>
      </c>
      <c r="U222" s="85"/>
      <c r="V222" s="20" t="s">
        <v>37</v>
      </c>
      <c r="W222" s="85" t="s">
        <v>783</v>
      </c>
    </row>
    <row r="223" spans="1:23" s="18" customFormat="1" ht="19.899999999999999" customHeight="1">
      <c r="A223" s="15">
        <v>883140006</v>
      </c>
      <c r="B223" s="16"/>
      <c r="C223" s="17" t="s">
        <v>790</v>
      </c>
      <c r="D223" s="18" t="s">
        <v>135</v>
      </c>
      <c r="E223" s="16" t="s">
        <v>791</v>
      </c>
      <c r="F223" s="19" t="s">
        <v>792</v>
      </c>
      <c r="G223" s="16" t="s">
        <v>793</v>
      </c>
      <c r="H223" s="85"/>
      <c r="I223" s="85"/>
      <c r="J223" s="85" t="s">
        <v>581</v>
      </c>
      <c r="K223" s="86" t="s">
        <v>748</v>
      </c>
      <c r="L223" s="85"/>
      <c r="M223" s="85"/>
      <c r="N223" s="85" t="s">
        <v>409</v>
      </c>
      <c r="O223" s="85" t="s">
        <v>312</v>
      </c>
      <c r="P223" s="87">
        <v>3325</v>
      </c>
      <c r="Q223" s="87">
        <v>6650</v>
      </c>
      <c r="R223" s="85" t="s">
        <v>36</v>
      </c>
      <c r="S223" s="85"/>
      <c r="T223" s="85" t="s">
        <v>31</v>
      </c>
      <c r="U223" s="85"/>
      <c r="V223" s="20" t="s">
        <v>37</v>
      </c>
      <c r="W223" s="85" t="s">
        <v>794</v>
      </c>
    </row>
    <row r="224" spans="1:23" s="18" customFormat="1" ht="19.899999999999999" customHeight="1">
      <c r="A224" s="15">
        <v>220340004</v>
      </c>
      <c r="B224" s="16"/>
      <c r="C224" s="17" t="s">
        <v>795</v>
      </c>
      <c r="D224" s="4" t="s">
        <v>137</v>
      </c>
      <c r="E224" s="16" t="s">
        <v>93</v>
      </c>
      <c r="F224" s="19" t="s">
        <v>796</v>
      </c>
      <c r="G224" s="16" t="s">
        <v>797</v>
      </c>
      <c r="H224" s="85"/>
      <c r="I224" s="85"/>
      <c r="J224" s="85" t="s">
        <v>581</v>
      </c>
      <c r="K224" s="86" t="s">
        <v>707</v>
      </c>
      <c r="L224" s="85"/>
      <c r="M224" s="85"/>
      <c r="N224" s="85" t="s">
        <v>409</v>
      </c>
      <c r="O224" s="85" t="s">
        <v>312</v>
      </c>
      <c r="P224" s="85">
        <v>100</v>
      </c>
      <c r="Q224" s="85">
        <v>250</v>
      </c>
      <c r="R224" s="85" t="s">
        <v>90</v>
      </c>
      <c r="S224" s="85"/>
      <c r="T224" s="85" t="s">
        <v>31</v>
      </c>
      <c r="U224" s="85"/>
      <c r="V224" s="20" t="s">
        <v>37</v>
      </c>
      <c r="W224" s="85" t="s">
        <v>798</v>
      </c>
    </row>
    <row r="225" spans="1:23" s="18" customFormat="1" ht="19.899999999999999" customHeight="1">
      <c r="A225" s="21">
        <v>770340019</v>
      </c>
      <c r="B225" s="16"/>
      <c r="C225" s="17" t="s">
        <v>799</v>
      </c>
      <c r="D225" s="4" t="s">
        <v>137</v>
      </c>
      <c r="E225" s="16" t="s">
        <v>443</v>
      </c>
      <c r="F225" s="19" t="s">
        <v>800</v>
      </c>
      <c r="G225" s="16" t="s">
        <v>445</v>
      </c>
      <c r="H225" s="85"/>
      <c r="I225" s="85"/>
      <c r="J225" s="85" t="s">
        <v>581</v>
      </c>
      <c r="K225" s="86" t="s">
        <v>389</v>
      </c>
      <c r="L225" s="85"/>
      <c r="M225" s="85"/>
      <c r="N225" s="85" t="s">
        <v>409</v>
      </c>
      <c r="O225" s="85" t="s">
        <v>464</v>
      </c>
      <c r="P225" s="85">
        <v>70</v>
      </c>
      <c r="Q225" s="85">
        <v>150</v>
      </c>
      <c r="R225" s="85" t="s">
        <v>36</v>
      </c>
      <c r="S225" s="85"/>
      <c r="T225" s="85" t="s">
        <v>31</v>
      </c>
      <c r="U225" s="85"/>
      <c r="V225" s="20" t="s">
        <v>37</v>
      </c>
      <c r="W225" s="85" t="s">
        <v>465</v>
      </c>
    </row>
    <row r="226" spans="1:23" s="18" customFormat="1" ht="19.899999999999999" customHeight="1">
      <c r="A226" s="15">
        <v>619340033</v>
      </c>
      <c r="B226" s="22" t="s">
        <v>801</v>
      </c>
      <c r="C226" s="17" t="s">
        <v>802</v>
      </c>
      <c r="D226" s="4" t="s">
        <v>137</v>
      </c>
      <c r="E226" s="16" t="s">
        <v>303</v>
      </c>
      <c r="F226" s="19" t="s">
        <v>803</v>
      </c>
      <c r="G226" s="23" t="s">
        <v>804</v>
      </c>
      <c r="H226" s="85"/>
      <c r="I226" s="85"/>
      <c r="J226" s="85" t="s">
        <v>581</v>
      </c>
      <c r="K226" s="86" t="s">
        <v>611</v>
      </c>
      <c r="L226" s="85"/>
      <c r="M226" s="85"/>
      <c r="N226" s="85" t="s">
        <v>409</v>
      </c>
      <c r="O226" s="85" t="s">
        <v>464</v>
      </c>
      <c r="P226" s="85">
        <v>350</v>
      </c>
      <c r="Q226" s="85">
        <v>550</v>
      </c>
      <c r="R226" s="85" t="s">
        <v>90</v>
      </c>
      <c r="S226" s="85"/>
      <c r="T226" s="85" t="s">
        <v>31</v>
      </c>
      <c r="U226" s="85"/>
      <c r="V226" s="20" t="s">
        <v>37</v>
      </c>
      <c r="W226" s="85" t="s">
        <v>805</v>
      </c>
    </row>
    <row r="227" spans="1:23" s="18" customFormat="1" ht="19.899999999999999" customHeight="1">
      <c r="A227" s="15">
        <v>331330001</v>
      </c>
      <c r="B227" s="16"/>
      <c r="C227" s="17" t="s">
        <v>806</v>
      </c>
      <c r="D227" s="18" t="s">
        <v>135</v>
      </c>
      <c r="E227" s="16" t="s">
        <v>303</v>
      </c>
      <c r="F227" s="24" t="s">
        <v>807</v>
      </c>
      <c r="G227" s="25" t="s">
        <v>808</v>
      </c>
      <c r="H227" s="88"/>
      <c r="I227" s="85"/>
      <c r="J227" s="85" t="s">
        <v>581</v>
      </c>
      <c r="K227" s="86" t="s">
        <v>707</v>
      </c>
      <c r="L227" s="85"/>
      <c r="M227" s="85"/>
      <c r="N227" s="85" t="s">
        <v>409</v>
      </c>
      <c r="O227" s="85" t="s">
        <v>464</v>
      </c>
      <c r="P227" s="85">
        <v>400</v>
      </c>
      <c r="Q227" s="85">
        <v>600</v>
      </c>
      <c r="R227" s="85" t="s">
        <v>36</v>
      </c>
      <c r="S227" s="85"/>
      <c r="T227" s="85" t="s">
        <v>31</v>
      </c>
      <c r="U227" s="85"/>
      <c r="V227" s="20" t="s">
        <v>37</v>
      </c>
      <c r="W227" s="85" t="s">
        <v>809</v>
      </c>
    </row>
    <row r="228" spans="1:23" s="18" customFormat="1" ht="19.899999999999999" customHeight="1">
      <c r="A228" s="15">
        <v>331340004</v>
      </c>
      <c r="B228" s="16"/>
      <c r="C228" s="17" t="s">
        <v>810</v>
      </c>
      <c r="D228" s="18" t="s">
        <v>135</v>
      </c>
      <c r="E228" s="16" t="s">
        <v>93</v>
      </c>
      <c r="F228" s="19" t="s">
        <v>811</v>
      </c>
      <c r="G228" s="26" t="s">
        <v>812</v>
      </c>
      <c r="H228" s="85"/>
      <c r="I228" s="85"/>
      <c r="J228" s="85" t="s">
        <v>581</v>
      </c>
      <c r="K228" s="86" t="s">
        <v>707</v>
      </c>
      <c r="L228" s="85"/>
      <c r="M228" s="85"/>
      <c r="N228" s="85" t="s">
        <v>409</v>
      </c>
      <c r="O228" s="85" t="s">
        <v>464</v>
      </c>
      <c r="P228" s="85">
        <v>150</v>
      </c>
      <c r="Q228" s="85">
        <v>230</v>
      </c>
      <c r="R228" s="85" t="s">
        <v>36</v>
      </c>
      <c r="S228" s="85"/>
      <c r="T228" s="85" t="s">
        <v>31</v>
      </c>
      <c r="U228" s="85"/>
      <c r="V228" s="20" t="s">
        <v>37</v>
      </c>
      <c r="W228" s="85" t="s">
        <v>813</v>
      </c>
    </row>
    <row r="229" spans="1:23" s="18" customFormat="1" ht="19.899999999999999" customHeight="1">
      <c r="A229" s="15">
        <v>331330006</v>
      </c>
      <c r="B229" s="16"/>
      <c r="C229" s="17" t="s">
        <v>814</v>
      </c>
      <c r="D229" s="18" t="s">
        <v>135</v>
      </c>
      <c r="E229" s="16" t="s">
        <v>27</v>
      </c>
      <c r="F229" s="19" t="s">
        <v>815</v>
      </c>
      <c r="G229" s="16" t="s">
        <v>816</v>
      </c>
      <c r="H229" s="85"/>
      <c r="I229" s="85"/>
      <c r="J229" s="85" t="s">
        <v>581</v>
      </c>
      <c r="K229" s="86" t="s">
        <v>707</v>
      </c>
      <c r="L229" s="85"/>
      <c r="M229" s="85"/>
      <c r="N229" s="85" t="s">
        <v>409</v>
      </c>
      <c r="O229" s="85" t="s">
        <v>464</v>
      </c>
      <c r="P229" s="85">
        <v>180</v>
      </c>
      <c r="Q229" s="85">
        <v>250</v>
      </c>
      <c r="R229" s="85" t="s">
        <v>36</v>
      </c>
      <c r="S229" s="85"/>
      <c r="T229" s="85" t="s">
        <v>31</v>
      </c>
      <c r="U229" s="85"/>
      <c r="V229" s="20" t="s">
        <v>37</v>
      </c>
      <c r="W229" s="85" t="s">
        <v>813</v>
      </c>
    </row>
    <row r="230" spans="1:23" s="18" customFormat="1" ht="19.899999999999999" customHeight="1">
      <c r="A230" s="15">
        <v>331340003</v>
      </c>
      <c r="B230" s="16"/>
      <c r="C230" s="17" t="s">
        <v>817</v>
      </c>
      <c r="D230" s="18" t="s">
        <v>137</v>
      </c>
      <c r="E230" s="16" t="s">
        <v>86</v>
      </c>
      <c r="F230" s="19" t="s">
        <v>818</v>
      </c>
      <c r="G230" s="16" t="s">
        <v>819</v>
      </c>
      <c r="H230" s="85"/>
      <c r="I230" s="85"/>
      <c r="J230" s="85" t="s">
        <v>581</v>
      </c>
      <c r="K230" s="86" t="s">
        <v>707</v>
      </c>
      <c r="L230" s="85"/>
      <c r="M230" s="85"/>
      <c r="N230" s="85" t="s">
        <v>409</v>
      </c>
      <c r="O230" s="85" t="s">
        <v>464</v>
      </c>
      <c r="P230" s="85">
        <v>450</v>
      </c>
      <c r="Q230" s="85">
        <v>550</v>
      </c>
      <c r="R230" s="85" t="s">
        <v>36</v>
      </c>
      <c r="S230" s="85"/>
      <c r="T230" s="85" t="s">
        <v>31</v>
      </c>
      <c r="U230" s="85"/>
      <c r="V230" s="20" t="s">
        <v>37</v>
      </c>
      <c r="W230" s="85" t="s">
        <v>813</v>
      </c>
    </row>
    <row r="231" spans="1:23" s="18" customFormat="1" ht="19.899999999999999" customHeight="1">
      <c r="A231" s="15">
        <v>331340008</v>
      </c>
      <c r="B231" s="16"/>
      <c r="C231" s="17" t="s">
        <v>820</v>
      </c>
      <c r="D231" s="18" t="s">
        <v>137</v>
      </c>
      <c r="E231" s="16" t="s">
        <v>437</v>
      </c>
      <c r="F231" s="19" t="s">
        <v>821</v>
      </c>
      <c r="G231" s="16" t="s">
        <v>822</v>
      </c>
      <c r="H231" s="85"/>
      <c r="I231" s="85"/>
      <c r="J231" s="85" t="s">
        <v>581</v>
      </c>
      <c r="K231" s="86" t="s">
        <v>707</v>
      </c>
      <c r="L231" s="85"/>
      <c r="M231" s="85"/>
      <c r="N231" s="85" t="s">
        <v>409</v>
      </c>
      <c r="O231" s="85" t="s">
        <v>464</v>
      </c>
      <c r="P231" s="85">
        <v>100</v>
      </c>
      <c r="Q231" s="85">
        <v>139</v>
      </c>
      <c r="R231" s="85" t="s">
        <v>36</v>
      </c>
      <c r="S231" s="85"/>
      <c r="T231" s="85" t="s">
        <v>31</v>
      </c>
      <c r="U231" s="85"/>
      <c r="V231" s="20" t="s">
        <v>37</v>
      </c>
      <c r="W231" s="85" t="s">
        <v>813</v>
      </c>
    </row>
    <row r="232" spans="1:23" s="18" customFormat="1" ht="19.899999999999999" customHeight="1">
      <c r="A232" s="15">
        <v>331330009</v>
      </c>
      <c r="B232" s="16"/>
      <c r="C232" s="17" t="s">
        <v>823</v>
      </c>
      <c r="D232" s="18" t="s">
        <v>135</v>
      </c>
      <c r="E232" s="16" t="s">
        <v>27</v>
      </c>
      <c r="F232" s="19" t="s">
        <v>815</v>
      </c>
      <c r="G232" s="16" t="s">
        <v>824</v>
      </c>
      <c r="H232" s="85"/>
      <c r="I232" s="85"/>
      <c r="J232" s="85" t="s">
        <v>581</v>
      </c>
      <c r="K232" s="86" t="s">
        <v>707</v>
      </c>
      <c r="L232" s="85"/>
      <c r="M232" s="85"/>
      <c r="N232" s="85" t="s">
        <v>409</v>
      </c>
      <c r="O232" s="85" t="s">
        <v>464</v>
      </c>
      <c r="P232" s="85">
        <v>150</v>
      </c>
      <c r="Q232" s="85">
        <v>200</v>
      </c>
      <c r="R232" s="85" t="s">
        <v>36</v>
      </c>
      <c r="S232" s="85"/>
      <c r="T232" s="85" t="s">
        <v>31</v>
      </c>
      <c r="U232" s="85"/>
      <c r="V232" s="20" t="s">
        <v>37</v>
      </c>
      <c r="W232" s="85" t="s">
        <v>813</v>
      </c>
    </row>
    <row r="233" spans="1:23" s="18" customFormat="1" ht="19.899999999999999" customHeight="1">
      <c r="A233" s="15">
        <v>331350013</v>
      </c>
      <c r="B233" s="16"/>
      <c r="C233" s="17" t="s">
        <v>825</v>
      </c>
      <c r="D233" s="18" t="s">
        <v>135</v>
      </c>
      <c r="E233" s="16" t="s">
        <v>292</v>
      </c>
      <c r="F233" s="19" t="s">
        <v>826</v>
      </c>
      <c r="G233" s="16" t="s">
        <v>827</v>
      </c>
      <c r="H233" s="85"/>
      <c r="I233" s="85"/>
      <c r="J233" s="85" t="s">
        <v>581</v>
      </c>
      <c r="K233" s="86" t="s">
        <v>707</v>
      </c>
      <c r="L233" s="85"/>
      <c r="M233" s="85"/>
      <c r="N233" s="85" t="s">
        <v>409</v>
      </c>
      <c r="O233" s="85" t="s">
        <v>422</v>
      </c>
      <c r="P233" s="85">
        <v>100</v>
      </c>
      <c r="Q233" s="85">
        <v>230</v>
      </c>
      <c r="R233" s="85" t="s">
        <v>36</v>
      </c>
      <c r="S233" s="85"/>
      <c r="T233" s="85" t="s">
        <v>31</v>
      </c>
      <c r="U233" s="85"/>
      <c r="V233" s="20" t="s">
        <v>37</v>
      </c>
      <c r="W233" s="85" t="s">
        <v>813</v>
      </c>
    </row>
    <row r="234" spans="1:23" s="18" customFormat="1" ht="19.899999999999999" customHeight="1">
      <c r="A234" s="15">
        <v>335330016</v>
      </c>
      <c r="B234" s="16"/>
      <c r="C234" s="17" t="s">
        <v>828</v>
      </c>
      <c r="D234" s="18" t="s">
        <v>135</v>
      </c>
      <c r="E234" s="16" t="s">
        <v>303</v>
      </c>
      <c r="F234" s="19" t="s">
        <v>829</v>
      </c>
      <c r="G234" s="16" t="s">
        <v>710</v>
      </c>
      <c r="H234" s="85"/>
      <c r="I234" s="85"/>
      <c r="J234" s="85" t="s">
        <v>581</v>
      </c>
      <c r="K234" s="86" t="s">
        <v>707</v>
      </c>
      <c r="L234" s="85"/>
      <c r="M234" s="85"/>
      <c r="N234" s="85" t="s">
        <v>409</v>
      </c>
      <c r="O234" s="85" t="s">
        <v>422</v>
      </c>
      <c r="P234" s="85">
        <v>300</v>
      </c>
      <c r="Q234" s="85">
        <v>490</v>
      </c>
      <c r="R234" s="85" t="s">
        <v>36</v>
      </c>
      <c r="S234" s="85"/>
      <c r="T234" s="85" t="s">
        <v>31</v>
      </c>
      <c r="U234" s="85"/>
      <c r="V234" s="20" t="s">
        <v>37</v>
      </c>
      <c r="W234" s="85" t="s">
        <v>830</v>
      </c>
    </row>
    <row r="235" spans="1:23" s="18" customFormat="1" ht="19.899999999999999" customHeight="1">
      <c r="A235" s="15">
        <v>337330001</v>
      </c>
      <c r="B235" s="16" t="s">
        <v>418</v>
      </c>
      <c r="C235" s="17" t="s">
        <v>831</v>
      </c>
      <c r="D235" s="18" t="s">
        <v>135</v>
      </c>
      <c r="E235" s="16" t="s">
        <v>27</v>
      </c>
      <c r="F235" s="19" t="s">
        <v>832</v>
      </c>
      <c r="G235" s="16" t="s">
        <v>833</v>
      </c>
      <c r="H235" s="85"/>
      <c r="I235" s="85"/>
      <c r="J235" s="85" t="s">
        <v>581</v>
      </c>
      <c r="K235" s="86" t="s">
        <v>707</v>
      </c>
      <c r="L235" s="85"/>
      <c r="M235" s="85"/>
      <c r="N235" s="85" t="s">
        <v>409</v>
      </c>
      <c r="O235" s="85" t="s">
        <v>422</v>
      </c>
      <c r="P235" s="85">
        <v>300</v>
      </c>
      <c r="Q235" s="85">
        <v>420</v>
      </c>
      <c r="R235" s="85" t="s">
        <v>36</v>
      </c>
      <c r="S235" s="85"/>
      <c r="T235" s="85" t="s">
        <v>31</v>
      </c>
      <c r="U235" s="85"/>
      <c r="V235" s="20" t="s">
        <v>37</v>
      </c>
      <c r="W235" s="85" t="s">
        <v>424</v>
      </c>
    </row>
    <row r="236" spans="1:23" s="18" customFormat="1" ht="19.899999999999999" customHeight="1">
      <c r="A236" s="15">
        <v>337340008</v>
      </c>
      <c r="B236" s="16"/>
      <c r="C236" s="17" t="s">
        <v>834</v>
      </c>
      <c r="D236" s="18" t="s">
        <v>137</v>
      </c>
      <c r="E236" s="16" t="s">
        <v>437</v>
      </c>
      <c r="F236" s="19" t="s">
        <v>835</v>
      </c>
      <c r="G236" s="16" t="s">
        <v>836</v>
      </c>
      <c r="H236" s="85"/>
      <c r="I236" s="85"/>
      <c r="J236" s="85" t="s">
        <v>581</v>
      </c>
      <c r="K236" s="86" t="s">
        <v>707</v>
      </c>
      <c r="L236" s="85"/>
      <c r="M236" s="85"/>
      <c r="N236" s="85" t="s">
        <v>409</v>
      </c>
      <c r="O236" s="85" t="s">
        <v>464</v>
      </c>
      <c r="P236" s="85">
        <v>60</v>
      </c>
      <c r="Q236" s="85">
        <v>99</v>
      </c>
      <c r="R236" s="85" t="s">
        <v>36</v>
      </c>
      <c r="S236" s="85"/>
      <c r="T236" s="85" t="s">
        <v>31</v>
      </c>
      <c r="U236" s="85"/>
      <c r="V236" s="20" t="s">
        <v>37</v>
      </c>
      <c r="W236" s="85" t="s">
        <v>837</v>
      </c>
    </row>
    <row r="237" spans="1:23" s="18" customFormat="1" ht="19.899999999999999" customHeight="1">
      <c r="A237" s="15">
        <v>337330015</v>
      </c>
      <c r="B237" s="16" t="s">
        <v>418</v>
      </c>
      <c r="C237" s="17" t="s">
        <v>838</v>
      </c>
      <c r="D237" s="18" t="s">
        <v>135</v>
      </c>
      <c r="E237" s="16" t="s">
        <v>27</v>
      </c>
      <c r="F237" s="19" t="s">
        <v>839</v>
      </c>
      <c r="G237" s="16" t="s">
        <v>840</v>
      </c>
      <c r="H237" s="85"/>
      <c r="I237" s="85"/>
      <c r="J237" s="85" t="s">
        <v>581</v>
      </c>
      <c r="K237" s="86" t="s">
        <v>707</v>
      </c>
      <c r="L237" s="85"/>
      <c r="M237" s="85"/>
      <c r="N237" s="85" t="s">
        <v>409</v>
      </c>
      <c r="O237" s="85" t="s">
        <v>422</v>
      </c>
      <c r="P237" s="85">
        <v>150</v>
      </c>
      <c r="Q237" s="85">
        <v>200</v>
      </c>
      <c r="R237" s="85" t="s">
        <v>36</v>
      </c>
      <c r="S237" s="85"/>
      <c r="T237" s="85" t="s">
        <v>31</v>
      </c>
      <c r="U237" s="85"/>
      <c r="V237" s="20" t="s">
        <v>37</v>
      </c>
      <c r="W237" s="85" t="s">
        <v>424</v>
      </c>
    </row>
    <row r="238" spans="1:23" s="18" customFormat="1" ht="19.899999999999999" customHeight="1">
      <c r="A238" s="15">
        <v>337330023</v>
      </c>
      <c r="B238" s="16" t="s">
        <v>418</v>
      </c>
      <c r="C238" s="17" t="s">
        <v>841</v>
      </c>
      <c r="D238" s="18" t="s">
        <v>135</v>
      </c>
      <c r="E238" s="16" t="s">
        <v>27</v>
      </c>
      <c r="F238" s="19" t="s">
        <v>842</v>
      </c>
      <c r="G238" s="16" t="s">
        <v>843</v>
      </c>
      <c r="H238" s="85"/>
      <c r="I238" s="85"/>
      <c r="J238" s="85" t="s">
        <v>581</v>
      </c>
      <c r="K238" s="86" t="s">
        <v>707</v>
      </c>
      <c r="L238" s="85"/>
      <c r="M238" s="85"/>
      <c r="N238" s="85" t="s">
        <v>409</v>
      </c>
      <c r="O238" s="85" t="s">
        <v>422</v>
      </c>
      <c r="P238" s="85">
        <v>380</v>
      </c>
      <c r="Q238" s="85">
        <v>490</v>
      </c>
      <c r="R238" s="85" t="s">
        <v>36</v>
      </c>
      <c r="S238" s="85"/>
      <c r="T238" s="85" t="s">
        <v>31</v>
      </c>
      <c r="U238" s="85"/>
      <c r="V238" s="20" t="s">
        <v>37</v>
      </c>
      <c r="W238" s="85" t="s">
        <v>424</v>
      </c>
    </row>
    <row r="239" spans="1:23" s="18" customFormat="1" ht="19.899999999999999" customHeight="1">
      <c r="A239" s="15">
        <v>337330025</v>
      </c>
      <c r="B239" s="16" t="s">
        <v>418</v>
      </c>
      <c r="C239" s="17" t="s">
        <v>844</v>
      </c>
      <c r="D239" s="18" t="s">
        <v>135</v>
      </c>
      <c r="E239" s="16" t="s">
        <v>27</v>
      </c>
      <c r="F239" s="19" t="s">
        <v>845</v>
      </c>
      <c r="G239" s="16" t="s">
        <v>846</v>
      </c>
      <c r="H239" s="85"/>
      <c r="I239" s="85"/>
      <c r="J239" s="85" t="s">
        <v>581</v>
      </c>
      <c r="K239" s="86" t="s">
        <v>707</v>
      </c>
      <c r="L239" s="85"/>
      <c r="M239" s="85"/>
      <c r="N239" s="85" t="s">
        <v>409</v>
      </c>
      <c r="O239" s="85" t="s">
        <v>422</v>
      </c>
      <c r="P239" s="85">
        <v>280</v>
      </c>
      <c r="Q239" s="85">
        <v>390</v>
      </c>
      <c r="R239" s="85" t="s">
        <v>36</v>
      </c>
      <c r="S239" s="85"/>
      <c r="T239" s="85" t="s">
        <v>31</v>
      </c>
      <c r="U239" s="85"/>
      <c r="V239" s="20" t="s">
        <v>37</v>
      </c>
      <c r="W239" s="85" t="s">
        <v>424</v>
      </c>
    </row>
    <row r="240" spans="1:23" s="18" customFormat="1" ht="19.899999999999999" customHeight="1">
      <c r="A240" s="15">
        <v>337330029</v>
      </c>
      <c r="B240" s="16" t="s">
        <v>418</v>
      </c>
      <c r="C240" s="17" t="s">
        <v>847</v>
      </c>
      <c r="D240" s="18" t="s">
        <v>135</v>
      </c>
      <c r="E240" s="16" t="s">
        <v>27</v>
      </c>
      <c r="F240" s="19" t="s">
        <v>848</v>
      </c>
      <c r="G240" s="16" t="s">
        <v>849</v>
      </c>
      <c r="H240" s="85"/>
      <c r="I240" s="85"/>
      <c r="J240" s="85" t="s">
        <v>581</v>
      </c>
      <c r="K240" s="86" t="s">
        <v>707</v>
      </c>
      <c r="L240" s="85"/>
      <c r="M240" s="85"/>
      <c r="N240" s="85" t="s">
        <v>409</v>
      </c>
      <c r="O240" s="85" t="s">
        <v>422</v>
      </c>
      <c r="P240" s="85">
        <v>300</v>
      </c>
      <c r="Q240" s="85">
        <v>450</v>
      </c>
      <c r="R240" s="85" t="s">
        <v>36</v>
      </c>
      <c r="S240" s="85"/>
      <c r="T240" s="85" t="s">
        <v>31</v>
      </c>
      <c r="U240" s="85"/>
      <c r="V240" s="20" t="s">
        <v>37</v>
      </c>
      <c r="W240" s="85" t="s">
        <v>424</v>
      </c>
    </row>
    <row r="241" spans="1:23" s="18" customFormat="1" ht="19.899999999999999" customHeight="1">
      <c r="A241" s="15">
        <v>222340051</v>
      </c>
      <c r="B241" s="16"/>
      <c r="C241" s="17" t="s">
        <v>850</v>
      </c>
      <c r="D241" s="18" t="s">
        <v>137</v>
      </c>
      <c r="E241" s="16" t="s">
        <v>86</v>
      </c>
      <c r="F241" s="19" t="s">
        <v>606</v>
      </c>
      <c r="G241" s="16" t="s">
        <v>851</v>
      </c>
      <c r="H241" s="85"/>
      <c r="I241" s="85"/>
      <c r="J241" s="85" t="s">
        <v>581</v>
      </c>
      <c r="K241" s="85" t="s">
        <v>505</v>
      </c>
      <c r="L241" s="85"/>
      <c r="M241" s="85"/>
      <c r="N241" s="85" t="s">
        <v>409</v>
      </c>
      <c r="O241" s="85" t="s">
        <v>464</v>
      </c>
      <c r="P241" s="85">
        <v>100</v>
      </c>
      <c r="Q241" s="85">
        <v>160</v>
      </c>
      <c r="R241" s="85" t="s">
        <v>90</v>
      </c>
      <c r="S241" s="85"/>
      <c r="T241" s="85" t="s">
        <v>31</v>
      </c>
      <c r="U241" s="85"/>
      <c r="V241" s="20" t="s">
        <v>37</v>
      </c>
      <c r="W241" s="85" t="s">
        <v>852</v>
      </c>
    </row>
    <row r="242" spans="1:23" s="18" customFormat="1" ht="19.899999999999999" customHeight="1">
      <c r="A242" s="15">
        <v>113330019</v>
      </c>
      <c r="B242" s="16"/>
      <c r="C242" s="17" t="s">
        <v>853</v>
      </c>
      <c r="D242" s="18" t="s">
        <v>135</v>
      </c>
      <c r="E242" s="16" t="s">
        <v>303</v>
      </c>
      <c r="F242" s="19" t="s">
        <v>854</v>
      </c>
      <c r="G242" s="16" t="s">
        <v>855</v>
      </c>
      <c r="H242" s="85"/>
      <c r="I242" s="85"/>
      <c r="J242" s="85" t="s">
        <v>581</v>
      </c>
      <c r="K242" s="85" t="s">
        <v>505</v>
      </c>
      <c r="L242" s="85"/>
      <c r="M242" s="85"/>
      <c r="N242" s="85" t="s">
        <v>409</v>
      </c>
      <c r="O242" s="85" t="s">
        <v>464</v>
      </c>
      <c r="P242" s="87">
        <v>2000</v>
      </c>
      <c r="Q242" s="87">
        <v>2700</v>
      </c>
      <c r="R242" s="85" t="s">
        <v>36</v>
      </c>
      <c r="S242" s="85"/>
      <c r="T242" s="85" t="s">
        <v>31</v>
      </c>
      <c r="U242" s="85"/>
      <c r="V242" s="20" t="s">
        <v>37</v>
      </c>
      <c r="W242" s="85" t="s">
        <v>856</v>
      </c>
    </row>
    <row r="243" spans="1:23" s="18" customFormat="1" ht="19.899999999999999" customHeight="1">
      <c r="A243" s="15">
        <v>442350001</v>
      </c>
      <c r="B243" s="16"/>
      <c r="C243" s="17" t="s">
        <v>857</v>
      </c>
      <c r="D243" s="18" t="s">
        <v>135</v>
      </c>
      <c r="E243" s="16" t="s">
        <v>292</v>
      </c>
      <c r="F243" s="19" t="s">
        <v>858</v>
      </c>
      <c r="G243" s="16" t="s">
        <v>859</v>
      </c>
      <c r="H243" s="85"/>
      <c r="I243" s="85"/>
      <c r="J243" s="85" t="s">
        <v>581</v>
      </c>
      <c r="K243" s="86" t="s">
        <v>707</v>
      </c>
      <c r="L243" s="85"/>
      <c r="M243" s="85"/>
      <c r="N243" s="85" t="s">
        <v>409</v>
      </c>
      <c r="O243" s="85" t="s">
        <v>464</v>
      </c>
      <c r="P243" s="85">
        <v>100</v>
      </c>
      <c r="Q243" s="85">
        <v>150</v>
      </c>
      <c r="R243" s="85" t="s">
        <v>90</v>
      </c>
      <c r="S243" s="85"/>
      <c r="T243" s="85" t="s">
        <v>31</v>
      </c>
      <c r="U243" s="85"/>
      <c r="V243" s="20" t="s">
        <v>37</v>
      </c>
      <c r="W243" s="85" t="s">
        <v>860</v>
      </c>
    </row>
    <row r="244" spans="1:23" s="18" customFormat="1" ht="19.899999999999999" customHeight="1">
      <c r="A244" s="15">
        <v>442350002</v>
      </c>
      <c r="B244" s="16"/>
      <c r="C244" s="17" t="s">
        <v>861</v>
      </c>
      <c r="D244" s="18" t="s">
        <v>135</v>
      </c>
      <c r="E244" s="16" t="s">
        <v>292</v>
      </c>
      <c r="F244" s="19" t="s">
        <v>858</v>
      </c>
      <c r="G244" s="16" t="s">
        <v>862</v>
      </c>
      <c r="H244" s="85"/>
      <c r="I244" s="85"/>
      <c r="J244" s="85" t="s">
        <v>581</v>
      </c>
      <c r="K244" s="86" t="s">
        <v>707</v>
      </c>
      <c r="L244" s="85"/>
      <c r="M244" s="85"/>
      <c r="N244" s="85" t="s">
        <v>409</v>
      </c>
      <c r="O244" s="85" t="s">
        <v>464</v>
      </c>
      <c r="P244" s="85">
        <v>100</v>
      </c>
      <c r="Q244" s="85">
        <v>150</v>
      </c>
      <c r="R244" s="85" t="s">
        <v>90</v>
      </c>
      <c r="S244" s="85"/>
      <c r="T244" s="85" t="s">
        <v>31</v>
      </c>
      <c r="U244" s="85"/>
      <c r="V244" s="20" t="s">
        <v>37</v>
      </c>
      <c r="W244" s="85" t="s">
        <v>860</v>
      </c>
    </row>
    <row r="245" spans="1:23" s="18" customFormat="1" ht="19.899999999999999" customHeight="1">
      <c r="A245" s="21">
        <v>442350003</v>
      </c>
      <c r="B245" s="16"/>
      <c r="C245" s="17" t="s">
        <v>863</v>
      </c>
      <c r="D245" s="18" t="s">
        <v>135</v>
      </c>
      <c r="E245" s="16" t="s">
        <v>292</v>
      </c>
      <c r="F245" s="19" t="s">
        <v>858</v>
      </c>
      <c r="G245" s="16" t="s">
        <v>864</v>
      </c>
      <c r="H245" s="85"/>
      <c r="I245" s="85"/>
      <c r="J245" s="85" t="s">
        <v>581</v>
      </c>
      <c r="K245" s="86" t="s">
        <v>707</v>
      </c>
      <c r="L245" s="85"/>
      <c r="M245" s="85"/>
      <c r="N245" s="85" t="s">
        <v>409</v>
      </c>
      <c r="O245" s="85" t="s">
        <v>464</v>
      </c>
      <c r="P245" s="85">
        <v>100</v>
      </c>
      <c r="Q245" s="85">
        <v>150</v>
      </c>
      <c r="R245" s="85" t="s">
        <v>90</v>
      </c>
      <c r="S245" s="85"/>
      <c r="T245" s="85" t="s">
        <v>31</v>
      </c>
      <c r="U245" s="85"/>
      <c r="V245" s="20" t="s">
        <v>37</v>
      </c>
      <c r="W245" s="85" t="s">
        <v>860</v>
      </c>
    </row>
    <row r="246" spans="1:23" s="18" customFormat="1" ht="19.899999999999999" customHeight="1">
      <c r="A246" s="15">
        <v>442340004</v>
      </c>
      <c r="B246" s="16"/>
      <c r="C246" s="17" t="s">
        <v>865</v>
      </c>
      <c r="D246" s="18" t="s">
        <v>137</v>
      </c>
      <c r="E246" s="16" t="s">
        <v>93</v>
      </c>
      <c r="F246" s="19" t="s">
        <v>866</v>
      </c>
      <c r="G246" s="16" t="s">
        <v>867</v>
      </c>
      <c r="H246" s="85"/>
      <c r="I246" s="85"/>
      <c r="J246" s="85" t="s">
        <v>581</v>
      </c>
      <c r="K246" s="86" t="s">
        <v>611</v>
      </c>
      <c r="L246" s="85"/>
      <c r="M246" s="85"/>
      <c r="N246" s="85" t="s">
        <v>409</v>
      </c>
      <c r="O246" s="85" t="s">
        <v>464</v>
      </c>
      <c r="P246" s="85">
        <v>350</v>
      </c>
      <c r="Q246" s="85">
        <v>500</v>
      </c>
      <c r="R246" s="85" t="s">
        <v>36</v>
      </c>
      <c r="S246" s="85"/>
      <c r="T246" s="85" t="s">
        <v>31</v>
      </c>
      <c r="U246" s="85"/>
      <c r="V246" s="20" t="s">
        <v>37</v>
      </c>
      <c r="W246" s="85" t="s">
        <v>868</v>
      </c>
    </row>
    <row r="247" spans="1:23" s="18" customFormat="1" ht="19.899999999999999" customHeight="1">
      <c r="A247" s="15">
        <v>446140002</v>
      </c>
      <c r="B247" s="16"/>
      <c r="C247" s="17" t="s">
        <v>869</v>
      </c>
      <c r="D247" s="18" t="s">
        <v>137</v>
      </c>
      <c r="E247" s="16" t="s">
        <v>437</v>
      </c>
      <c r="F247" s="19" t="s">
        <v>870</v>
      </c>
      <c r="G247" s="16" t="s">
        <v>871</v>
      </c>
      <c r="H247" s="85"/>
      <c r="I247" s="85"/>
      <c r="J247" s="85" t="s">
        <v>581</v>
      </c>
      <c r="K247" s="85" t="s">
        <v>505</v>
      </c>
      <c r="L247" s="85"/>
      <c r="M247" s="85"/>
      <c r="N247" s="85" t="s">
        <v>409</v>
      </c>
      <c r="O247" s="85" t="s">
        <v>464</v>
      </c>
      <c r="P247" s="85">
        <v>41</v>
      </c>
      <c r="Q247" s="85">
        <v>99</v>
      </c>
      <c r="R247" s="85" t="s">
        <v>36</v>
      </c>
      <c r="S247" s="85"/>
      <c r="T247" s="85" t="s">
        <v>31</v>
      </c>
      <c r="U247" s="85"/>
      <c r="V247" s="20" t="s">
        <v>37</v>
      </c>
      <c r="W247" s="85" t="s">
        <v>872</v>
      </c>
    </row>
    <row r="248" spans="1:23" s="18" customFormat="1" ht="19.899999999999999" customHeight="1">
      <c r="A248" s="15">
        <v>447330005</v>
      </c>
      <c r="B248" s="16"/>
      <c r="C248" s="17" t="s">
        <v>873</v>
      </c>
      <c r="D248" s="18" t="s">
        <v>135</v>
      </c>
      <c r="E248" s="16" t="s">
        <v>303</v>
      </c>
      <c r="F248" s="19" t="s">
        <v>874</v>
      </c>
      <c r="G248" s="16" t="s">
        <v>632</v>
      </c>
      <c r="H248" s="85"/>
      <c r="I248" s="85"/>
      <c r="J248" s="85" t="s">
        <v>581</v>
      </c>
      <c r="K248" s="86" t="s">
        <v>707</v>
      </c>
      <c r="L248" s="85"/>
      <c r="M248" s="85"/>
      <c r="N248" s="85" t="s">
        <v>409</v>
      </c>
      <c r="O248" s="85" t="s">
        <v>464</v>
      </c>
      <c r="P248" s="85">
        <v>230</v>
      </c>
      <c r="Q248" s="85">
        <v>370</v>
      </c>
      <c r="R248" s="85" t="s">
        <v>36</v>
      </c>
      <c r="S248" s="85"/>
      <c r="T248" s="85" t="s">
        <v>31</v>
      </c>
      <c r="U248" s="85"/>
      <c r="V248" s="20" t="s">
        <v>37</v>
      </c>
      <c r="W248" s="85" t="s">
        <v>875</v>
      </c>
    </row>
    <row r="249" spans="1:23" s="18" customFormat="1" ht="19.899999999999999" customHeight="1">
      <c r="A249" s="15">
        <v>447330006</v>
      </c>
      <c r="B249" s="16"/>
      <c r="C249" s="17" t="s">
        <v>876</v>
      </c>
      <c r="D249" s="18" t="s">
        <v>137</v>
      </c>
      <c r="E249" s="16" t="s">
        <v>93</v>
      </c>
      <c r="F249" s="19" t="s">
        <v>877</v>
      </c>
      <c r="G249" s="16" t="s">
        <v>878</v>
      </c>
      <c r="H249" s="85"/>
      <c r="I249" s="85"/>
      <c r="J249" s="85" t="s">
        <v>581</v>
      </c>
      <c r="K249" s="86" t="s">
        <v>707</v>
      </c>
      <c r="L249" s="85"/>
      <c r="M249" s="85"/>
      <c r="N249" s="85" t="s">
        <v>409</v>
      </c>
      <c r="O249" s="85" t="s">
        <v>464</v>
      </c>
      <c r="P249" s="85">
        <v>50</v>
      </c>
      <c r="Q249" s="85">
        <v>79</v>
      </c>
      <c r="R249" s="85" t="s">
        <v>36</v>
      </c>
      <c r="S249" s="85"/>
      <c r="T249" s="85" t="s">
        <v>31</v>
      </c>
      <c r="U249" s="85"/>
      <c r="V249" s="20" t="s">
        <v>37</v>
      </c>
      <c r="W249" s="85" t="s">
        <v>875</v>
      </c>
    </row>
    <row r="250" spans="1:23" s="18" customFormat="1" ht="19.899999999999999" customHeight="1">
      <c r="A250" s="15">
        <v>447340008</v>
      </c>
      <c r="B250" s="16"/>
      <c r="C250" s="17" t="s">
        <v>879</v>
      </c>
      <c r="D250" s="18" t="s">
        <v>137</v>
      </c>
      <c r="E250" s="16" t="s">
        <v>437</v>
      </c>
      <c r="F250" s="19" t="s">
        <v>880</v>
      </c>
      <c r="G250" s="16" t="s">
        <v>881</v>
      </c>
      <c r="H250" s="85"/>
      <c r="I250" s="85"/>
      <c r="J250" s="85" t="s">
        <v>581</v>
      </c>
      <c r="K250" s="86" t="s">
        <v>707</v>
      </c>
      <c r="L250" s="85"/>
      <c r="M250" s="85"/>
      <c r="N250" s="85" t="s">
        <v>409</v>
      </c>
      <c r="O250" s="85" t="s">
        <v>464</v>
      </c>
      <c r="P250" s="85">
        <v>100</v>
      </c>
      <c r="Q250" s="85">
        <v>179</v>
      </c>
      <c r="R250" s="85" t="s">
        <v>36</v>
      </c>
      <c r="S250" s="85"/>
      <c r="T250" s="85" t="s">
        <v>31</v>
      </c>
      <c r="U250" s="85"/>
      <c r="V250" s="20" t="s">
        <v>37</v>
      </c>
      <c r="W250" s="85" t="s">
        <v>875</v>
      </c>
    </row>
    <row r="251" spans="1:23" s="18" customFormat="1" ht="19.899999999999999" customHeight="1">
      <c r="A251" s="15">
        <v>447340009</v>
      </c>
      <c r="B251" s="16"/>
      <c r="C251" s="17" t="s">
        <v>882</v>
      </c>
      <c r="D251" s="18" t="s">
        <v>137</v>
      </c>
      <c r="E251" s="16" t="s">
        <v>437</v>
      </c>
      <c r="F251" s="19" t="s">
        <v>883</v>
      </c>
      <c r="G251" s="16" t="s">
        <v>884</v>
      </c>
      <c r="H251" s="85"/>
      <c r="I251" s="85"/>
      <c r="J251" s="85" t="s">
        <v>581</v>
      </c>
      <c r="K251" s="86" t="s">
        <v>707</v>
      </c>
      <c r="L251" s="85"/>
      <c r="M251" s="85"/>
      <c r="N251" s="85" t="s">
        <v>409</v>
      </c>
      <c r="O251" s="85" t="s">
        <v>464</v>
      </c>
      <c r="P251" s="85">
        <v>100</v>
      </c>
      <c r="Q251" s="85">
        <v>179</v>
      </c>
      <c r="R251" s="85" t="s">
        <v>36</v>
      </c>
      <c r="S251" s="85"/>
      <c r="T251" s="85" t="s">
        <v>31</v>
      </c>
      <c r="U251" s="85"/>
      <c r="V251" s="20" t="s">
        <v>37</v>
      </c>
      <c r="W251" s="85" t="s">
        <v>875</v>
      </c>
    </row>
    <row r="252" spans="1:23" s="18" customFormat="1" ht="19.899999999999999" customHeight="1">
      <c r="A252" s="15">
        <v>439330031</v>
      </c>
      <c r="B252" s="16" t="s">
        <v>885</v>
      </c>
      <c r="C252" s="17" t="s">
        <v>886</v>
      </c>
      <c r="D252" s="18" t="s">
        <v>135</v>
      </c>
      <c r="E252" s="16" t="s">
        <v>86</v>
      </c>
      <c r="F252" s="19" t="s">
        <v>887</v>
      </c>
      <c r="G252" s="16" t="s">
        <v>439</v>
      </c>
      <c r="H252" s="85"/>
      <c r="I252" s="85"/>
      <c r="J252" s="85" t="s">
        <v>581</v>
      </c>
      <c r="K252" s="86" t="s">
        <v>707</v>
      </c>
      <c r="L252" s="85"/>
      <c r="M252" s="85"/>
      <c r="N252" s="85" t="s">
        <v>409</v>
      </c>
      <c r="O252" s="85" t="s">
        <v>464</v>
      </c>
      <c r="P252" s="85">
        <v>200</v>
      </c>
      <c r="Q252" s="85">
        <v>350</v>
      </c>
      <c r="R252" s="85" t="s">
        <v>36</v>
      </c>
      <c r="S252" s="85"/>
      <c r="T252" s="85" t="s">
        <v>31</v>
      </c>
      <c r="U252" s="85"/>
      <c r="V252" s="20" t="s">
        <v>37</v>
      </c>
      <c r="W252" s="85" t="s">
        <v>888</v>
      </c>
    </row>
    <row r="253" spans="1:23" s="18" customFormat="1" ht="19.899999999999999" customHeight="1">
      <c r="A253" s="15">
        <v>439330034</v>
      </c>
      <c r="B253" s="16" t="s">
        <v>885</v>
      </c>
      <c r="C253" s="17" t="s">
        <v>889</v>
      </c>
      <c r="D253" s="18" t="s">
        <v>135</v>
      </c>
      <c r="E253" s="16" t="s">
        <v>86</v>
      </c>
      <c r="F253" s="19" t="s">
        <v>887</v>
      </c>
      <c r="G253" s="16" t="s">
        <v>439</v>
      </c>
      <c r="H253" s="85"/>
      <c r="I253" s="85"/>
      <c r="J253" s="85" t="s">
        <v>581</v>
      </c>
      <c r="K253" s="86" t="s">
        <v>707</v>
      </c>
      <c r="L253" s="85"/>
      <c r="M253" s="85"/>
      <c r="N253" s="85" t="s">
        <v>409</v>
      </c>
      <c r="O253" s="85" t="s">
        <v>464</v>
      </c>
      <c r="P253" s="85">
        <v>200</v>
      </c>
      <c r="Q253" s="85">
        <v>350</v>
      </c>
      <c r="R253" s="85" t="s">
        <v>36</v>
      </c>
      <c r="S253" s="85"/>
      <c r="T253" s="85" t="s">
        <v>31</v>
      </c>
      <c r="U253" s="85"/>
      <c r="V253" s="20" t="s">
        <v>37</v>
      </c>
      <c r="W253" s="85" t="s">
        <v>888</v>
      </c>
    </row>
    <row r="254" spans="1:23" s="18" customFormat="1" ht="19.899999999999999" customHeight="1">
      <c r="A254" s="15">
        <v>439330030</v>
      </c>
      <c r="B254" s="16" t="s">
        <v>885</v>
      </c>
      <c r="C254" s="17" t="s">
        <v>890</v>
      </c>
      <c r="D254" s="18" t="s">
        <v>135</v>
      </c>
      <c r="E254" s="16" t="s">
        <v>86</v>
      </c>
      <c r="F254" s="19" t="s">
        <v>891</v>
      </c>
      <c r="G254" s="16" t="s">
        <v>892</v>
      </c>
      <c r="H254" s="85"/>
      <c r="I254" s="85"/>
      <c r="J254" s="85" t="s">
        <v>581</v>
      </c>
      <c r="K254" s="86" t="s">
        <v>707</v>
      </c>
      <c r="L254" s="85"/>
      <c r="M254" s="85"/>
      <c r="N254" s="85" t="s">
        <v>409</v>
      </c>
      <c r="O254" s="85" t="s">
        <v>464</v>
      </c>
      <c r="P254" s="85">
        <v>150</v>
      </c>
      <c r="Q254" s="85">
        <v>250</v>
      </c>
      <c r="R254" s="85" t="s">
        <v>36</v>
      </c>
      <c r="S254" s="85"/>
      <c r="T254" s="85" t="s">
        <v>31</v>
      </c>
      <c r="U254" s="85"/>
      <c r="V254" s="20" t="s">
        <v>37</v>
      </c>
      <c r="W254" s="85" t="s">
        <v>888</v>
      </c>
    </row>
    <row r="255" spans="1:23" s="18" customFormat="1" ht="19.899999999999999" customHeight="1">
      <c r="A255" s="15">
        <v>443310001</v>
      </c>
      <c r="B255" s="16" t="s">
        <v>885</v>
      </c>
      <c r="C255" s="17" t="s">
        <v>893</v>
      </c>
      <c r="D255" s="56" t="s">
        <v>136</v>
      </c>
      <c r="E255" s="16" t="s">
        <v>86</v>
      </c>
      <c r="F255" s="19" t="s">
        <v>894</v>
      </c>
      <c r="G255" s="16" t="s">
        <v>439</v>
      </c>
      <c r="H255" s="85"/>
      <c r="I255" s="85"/>
      <c r="J255" s="85" t="s">
        <v>581</v>
      </c>
      <c r="K255" s="86" t="s">
        <v>707</v>
      </c>
      <c r="L255" s="85"/>
      <c r="M255" s="85"/>
      <c r="N255" s="85" t="s">
        <v>409</v>
      </c>
      <c r="O255" s="85" t="s">
        <v>464</v>
      </c>
      <c r="P255" s="85">
        <v>200</v>
      </c>
      <c r="Q255" s="85">
        <v>350</v>
      </c>
      <c r="R255" s="85" t="s">
        <v>36</v>
      </c>
      <c r="S255" s="85"/>
      <c r="T255" s="85" t="s">
        <v>31</v>
      </c>
      <c r="U255" s="85"/>
      <c r="V255" s="20" t="s">
        <v>37</v>
      </c>
      <c r="W255" s="85" t="s">
        <v>888</v>
      </c>
    </row>
    <row r="256" spans="1:23" s="18" customFormat="1" ht="19.899999999999999" customHeight="1">
      <c r="A256" s="15">
        <v>337340079</v>
      </c>
      <c r="B256" s="16"/>
      <c r="C256" s="17" t="s">
        <v>895</v>
      </c>
      <c r="D256" s="18" t="s">
        <v>137</v>
      </c>
      <c r="E256" s="16" t="s">
        <v>896</v>
      </c>
      <c r="F256" s="19" t="s">
        <v>897</v>
      </c>
      <c r="G256" s="16" t="s">
        <v>439</v>
      </c>
      <c r="H256" s="85"/>
      <c r="I256" s="85"/>
      <c r="J256" s="85" t="s">
        <v>581</v>
      </c>
      <c r="K256" s="86" t="s">
        <v>611</v>
      </c>
      <c r="L256" s="85"/>
      <c r="M256" s="85"/>
      <c r="N256" s="85" t="s">
        <v>409</v>
      </c>
      <c r="O256" s="85" t="s">
        <v>464</v>
      </c>
      <c r="P256" s="85">
        <v>170</v>
      </c>
      <c r="Q256" s="85">
        <v>499</v>
      </c>
      <c r="R256" s="85" t="s">
        <v>36</v>
      </c>
      <c r="S256" s="85"/>
      <c r="T256" s="85" t="s">
        <v>31</v>
      </c>
      <c r="U256" s="85"/>
      <c r="V256" s="20" t="s">
        <v>37</v>
      </c>
      <c r="W256" s="85" t="s">
        <v>898</v>
      </c>
    </row>
    <row r="257" spans="1:23" s="18" customFormat="1" ht="19.899999999999999" customHeight="1">
      <c r="A257" s="15">
        <v>337340072</v>
      </c>
      <c r="B257" s="16"/>
      <c r="C257" s="17" t="s">
        <v>899</v>
      </c>
      <c r="D257" s="18" t="s">
        <v>137</v>
      </c>
      <c r="E257" s="16" t="s">
        <v>896</v>
      </c>
      <c r="F257" s="19" t="s">
        <v>897</v>
      </c>
      <c r="G257" s="16" t="s">
        <v>439</v>
      </c>
      <c r="H257" s="85"/>
      <c r="I257" s="85"/>
      <c r="J257" s="85" t="s">
        <v>581</v>
      </c>
      <c r="K257" s="86" t="s">
        <v>611</v>
      </c>
      <c r="L257" s="85"/>
      <c r="M257" s="85"/>
      <c r="N257" s="85" t="s">
        <v>409</v>
      </c>
      <c r="O257" s="85" t="s">
        <v>464</v>
      </c>
      <c r="P257" s="85">
        <v>330</v>
      </c>
      <c r="Q257" s="85">
        <v>899</v>
      </c>
      <c r="R257" s="85" t="s">
        <v>36</v>
      </c>
      <c r="S257" s="85"/>
      <c r="T257" s="85" t="s">
        <v>31</v>
      </c>
      <c r="U257" s="85"/>
      <c r="V257" s="20" t="s">
        <v>37</v>
      </c>
      <c r="W257" s="85" t="s">
        <v>898</v>
      </c>
    </row>
    <row r="258" spans="1:23" s="18" customFormat="1" ht="19.899999999999999" customHeight="1">
      <c r="A258" s="15">
        <v>337330088</v>
      </c>
      <c r="B258" s="16" t="s">
        <v>418</v>
      </c>
      <c r="C258" s="17" t="s">
        <v>900</v>
      </c>
      <c r="D258" s="18" t="s">
        <v>135</v>
      </c>
      <c r="E258" s="16" t="s">
        <v>27</v>
      </c>
      <c r="F258" s="19" t="s">
        <v>901</v>
      </c>
      <c r="G258" s="16" t="s">
        <v>902</v>
      </c>
      <c r="H258" s="85"/>
      <c r="I258" s="85"/>
      <c r="J258" s="85" t="s">
        <v>581</v>
      </c>
      <c r="K258" s="86" t="s">
        <v>707</v>
      </c>
      <c r="L258" s="85"/>
      <c r="M258" s="85"/>
      <c r="N258" s="85" t="s">
        <v>409</v>
      </c>
      <c r="O258" s="85" t="s">
        <v>464</v>
      </c>
      <c r="P258" s="85">
        <v>200</v>
      </c>
      <c r="Q258" s="85">
        <v>350</v>
      </c>
      <c r="R258" s="85" t="s">
        <v>36</v>
      </c>
      <c r="S258" s="85"/>
      <c r="T258" s="85" t="s">
        <v>31</v>
      </c>
      <c r="U258" s="85"/>
      <c r="V258" s="20" t="s">
        <v>37</v>
      </c>
      <c r="W258" s="85" t="s">
        <v>424</v>
      </c>
    </row>
    <row r="259" spans="1:23" s="18" customFormat="1" ht="19.899999999999999" customHeight="1">
      <c r="A259" s="15">
        <v>337330105</v>
      </c>
      <c r="B259" s="16" t="s">
        <v>418</v>
      </c>
      <c r="C259" s="17" t="s">
        <v>903</v>
      </c>
      <c r="D259" s="18" t="s">
        <v>135</v>
      </c>
      <c r="E259" s="16" t="s">
        <v>303</v>
      </c>
      <c r="F259" s="19" t="s">
        <v>904</v>
      </c>
      <c r="G259" s="16" t="s">
        <v>710</v>
      </c>
      <c r="H259" s="85"/>
      <c r="I259" s="85"/>
      <c r="J259" s="85" t="s">
        <v>581</v>
      </c>
      <c r="K259" s="86" t="s">
        <v>707</v>
      </c>
      <c r="L259" s="85"/>
      <c r="M259" s="85"/>
      <c r="N259" s="85" t="s">
        <v>409</v>
      </c>
      <c r="O259" s="85" t="s">
        <v>464</v>
      </c>
      <c r="P259" s="85">
        <v>500</v>
      </c>
      <c r="Q259" s="85">
        <v>790</v>
      </c>
      <c r="R259" s="85" t="s">
        <v>36</v>
      </c>
      <c r="S259" s="85"/>
      <c r="T259" s="85" t="s">
        <v>31</v>
      </c>
      <c r="U259" s="85"/>
      <c r="V259" s="20" t="s">
        <v>37</v>
      </c>
      <c r="W259" s="85" t="s">
        <v>424</v>
      </c>
    </row>
    <row r="260" spans="1:23" s="18" customFormat="1" ht="19.899999999999999" customHeight="1">
      <c r="A260" s="15">
        <v>337330106</v>
      </c>
      <c r="B260" s="16" t="s">
        <v>418</v>
      </c>
      <c r="C260" s="17" t="s">
        <v>905</v>
      </c>
      <c r="D260" s="18" t="s">
        <v>135</v>
      </c>
      <c r="E260" s="16" t="s">
        <v>27</v>
      </c>
      <c r="F260" s="19" t="s">
        <v>906</v>
      </c>
      <c r="G260" s="16" t="s">
        <v>719</v>
      </c>
      <c r="H260" s="85"/>
      <c r="I260" s="85"/>
      <c r="J260" s="85" t="s">
        <v>581</v>
      </c>
      <c r="K260" s="86" t="s">
        <v>707</v>
      </c>
      <c r="L260" s="85"/>
      <c r="M260" s="85"/>
      <c r="N260" s="85" t="s">
        <v>409</v>
      </c>
      <c r="O260" s="85" t="s">
        <v>464</v>
      </c>
      <c r="P260" s="85">
        <v>650</v>
      </c>
      <c r="Q260" s="85">
        <v>850</v>
      </c>
      <c r="R260" s="85" t="s">
        <v>36</v>
      </c>
      <c r="S260" s="85"/>
      <c r="T260" s="85" t="s">
        <v>31</v>
      </c>
      <c r="U260" s="85"/>
      <c r="V260" s="20" t="s">
        <v>37</v>
      </c>
      <c r="W260" s="85" t="s">
        <v>424</v>
      </c>
    </row>
    <row r="261" spans="1:23" s="18" customFormat="1" ht="19.899999999999999" customHeight="1">
      <c r="A261" s="15">
        <v>334340018</v>
      </c>
      <c r="B261" s="16"/>
      <c r="C261" s="17" t="s">
        <v>907</v>
      </c>
      <c r="D261" s="18" t="s">
        <v>135</v>
      </c>
      <c r="E261" s="16" t="s">
        <v>86</v>
      </c>
      <c r="F261" s="19" t="s">
        <v>908</v>
      </c>
      <c r="G261" s="16" t="s">
        <v>909</v>
      </c>
      <c r="H261" s="85"/>
      <c r="I261" s="85"/>
      <c r="J261" s="85" t="s">
        <v>581</v>
      </c>
      <c r="K261" s="86" t="s">
        <v>707</v>
      </c>
      <c r="L261" s="85"/>
      <c r="M261" s="85"/>
      <c r="N261" s="85" t="s">
        <v>409</v>
      </c>
      <c r="O261" s="85" t="s">
        <v>464</v>
      </c>
      <c r="P261" s="85">
        <v>70</v>
      </c>
      <c r="Q261" s="85">
        <v>120</v>
      </c>
      <c r="R261" s="85" t="s">
        <v>36</v>
      </c>
      <c r="S261" s="85"/>
      <c r="T261" s="85" t="s">
        <v>31</v>
      </c>
      <c r="U261" s="85"/>
      <c r="V261" s="20" t="s">
        <v>37</v>
      </c>
      <c r="W261" s="85" t="s">
        <v>910</v>
      </c>
    </row>
    <row r="262" spans="1:23" s="18" customFormat="1" ht="19.899999999999999" customHeight="1">
      <c r="A262" s="15">
        <v>334340019</v>
      </c>
      <c r="B262" s="16"/>
      <c r="C262" s="17" t="s">
        <v>911</v>
      </c>
      <c r="D262" s="18" t="s">
        <v>135</v>
      </c>
      <c r="E262" s="16" t="s">
        <v>86</v>
      </c>
      <c r="F262" s="19" t="s">
        <v>912</v>
      </c>
      <c r="G262" s="16" t="s">
        <v>909</v>
      </c>
      <c r="H262" s="85"/>
      <c r="I262" s="85"/>
      <c r="J262" s="85" t="s">
        <v>581</v>
      </c>
      <c r="K262" s="86" t="s">
        <v>707</v>
      </c>
      <c r="L262" s="85"/>
      <c r="M262" s="85"/>
      <c r="N262" s="85" t="s">
        <v>409</v>
      </c>
      <c r="O262" s="85" t="s">
        <v>464</v>
      </c>
      <c r="P262" s="85">
        <v>85</v>
      </c>
      <c r="Q262" s="85">
        <v>150</v>
      </c>
      <c r="R262" s="85" t="s">
        <v>36</v>
      </c>
      <c r="S262" s="85"/>
      <c r="T262" s="85" t="s">
        <v>31</v>
      </c>
      <c r="U262" s="85"/>
      <c r="V262" s="20" t="s">
        <v>37</v>
      </c>
      <c r="W262" s="85" t="s">
        <v>910</v>
      </c>
    </row>
    <row r="263" spans="1:23" s="18" customFormat="1" ht="19.899999999999999" customHeight="1">
      <c r="A263" s="15">
        <v>550330059</v>
      </c>
      <c r="B263" s="16"/>
      <c r="C263" s="17" t="s">
        <v>913</v>
      </c>
      <c r="D263" s="18" t="s">
        <v>135</v>
      </c>
      <c r="E263" s="16" t="s">
        <v>27</v>
      </c>
      <c r="F263" s="19" t="s">
        <v>914</v>
      </c>
      <c r="G263" s="16" t="s">
        <v>915</v>
      </c>
      <c r="H263" s="85"/>
      <c r="I263" s="85"/>
      <c r="J263" s="85" t="s">
        <v>581</v>
      </c>
      <c r="K263" s="86" t="s">
        <v>707</v>
      </c>
      <c r="L263" s="85"/>
      <c r="M263" s="85"/>
      <c r="N263" s="85" t="s">
        <v>409</v>
      </c>
      <c r="O263" s="85" t="s">
        <v>464</v>
      </c>
      <c r="P263" s="85">
        <v>30</v>
      </c>
      <c r="Q263" s="85">
        <v>50</v>
      </c>
      <c r="R263" s="85" t="s">
        <v>36</v>
      </c>
      <c r="S263" s="85"/>
      <c r="T263" s="85" t="s">
        <v>31</v>
      </c>
      <c r="U263" s="85"/>
      <c r="V263" s="20" t="s">
        <v>37</v>
      </c>
      <c r="W263" s="85" t="s">
        <v>916</v>
      </c>
    </row>
    <row r="264" spans="1:23" s="18" customFormat="1" ht="19.899999999999999" customHeight="1">
      <c r="A264" s="15">
        <v>550340060</v>
      </c>
      <c r="B264" s="16"/>
      <c r="C264" s="17" t="s">
        <v>917</v>
      </c>
      <c r="D264" s="18" t="s">
        <v>137</v>
      </c>
      <c r="E264" s="16" t="s">
        <v>437</v>
      </c>
      <c r="F264" s="19" t="s">
        <v>918</v>
      </c>
      <c r="G264" s="16" t="s">
        <v>884</v>
      </c>
      <c r="H264" s="85"/>
      <c r="I264" s="85"/>
      <c r="J264" s="85" t="s">
        <v>581</v>
      </c>
      <c r="K264" s="86" t="s">
        <v>707</v>
      </c>
      <c r="L264" s="85"/>
      <c r="M264" s="85"/>
      <c r="N264" s="85" t="s">
        <v>409</v>
      </c>
      <c r="O264" s="85" t="s">
        <v>464</v>
      </c>
      <c r="P264" s="85">
        <v>40</v>
      </c>
      <c r="Q264" s="85">
        <v>79</v>
      </c>
      <c r="R264" s="85" t="s">
        <v>36</v>
      </c>
      <c r="S264" s="85"/>
      <c r="T264" s="85" t="s">
        <v>31</v>
      </c>
      <c r="U264" s="85"/>
      <c r="V264" s="20" t="s">
        <v>37</v>
      </c>
      <c r="W264" s="85" t="s">
        <v>916</v>
      </c>
    </row>
    <row r="265" spans="1:23" s="18" customFormat="1" ht="19.899999999999999" customHeight="1">
      <c r="A265" s="15">
        <v>556130020</v>
      </c>
      <c r="B265" s="16"/>
      <c r="C265" s="17" t="s">
        <v>919</v>
      </c>
      <c r="D265" s="18" t="s">
        <v>135</v>
      </c>
      <c r="E265" s="16" t="s">
        <v>27</v>
      </c>
      <c r="F265" s="19" t="s">
        <v>920</v>
      </c>
      <c r="G265" s="16" t="s">
        <v>921</v>
      </c>
      <c r="H265" s="85"/>
      <c r="I265" s="85"/>
      <c r="J265" s="85" t="s">
        <v>138</v>
      </c>
      <c r="K265" s="86" t="s">
        <v>404</v>
      </c>
      <c r="L265" s="85"/>
      <c r="M265" s="85"/>
      <c r="N265" s="85" t="s">
        <v>409</v>
      </c>
      <c r="O265" s="85" t="s">
        <v>464</v>
      </c>
      <c r="P265" s="85">
        <v>450</v>
      </c>
      <c r="Q265" s="85">
        <v>650</v>
      </c>
      <c r="R265" s="85" t="s">
        <v>36</v>
      </c>
      <c r="S265" s="85"/>
      <c r="T265" s="85" t="s">
        <v>31</v>
      </c>
      <c r="U265" s="85"/>
      <c r="V265" s="20" t="s">
        <v>37</v>
      </c>
      <c r="W265" s="85" t="s">
        <v>922</v>
      </c>
    </row>
    <row r="266" spans="1:23" s="18" customFormat="1" ht="19.899999999999999" customHeight="1">
      <c r="A266" s="15">
        <v>556130025</v>
      </c>
      <c r="B266" s="16"/>
      <c r="C266" s="17" t="s">
        <v>923</v>
      </c>
      <c r="D266" s="18" t="s">
        <v>135</v>
      </c>
      <c r="E266" s="16" t="s">
        <v>27</v>
      </c>
      <c r="F266" s="19" t="s">
        <v>924</v>
      </c>
      <c r="G266" s="16" t="s">
        <v>925</v>
      </c>
      <c r="H266" s="85"/>
      <c r="I266" s="85"/>
      <c r="J266" s="85" t="s">
        <v>138</v>
      </c>
      <c r="K266" s="86" t="s">
        <v>404</v>
      </c>
      <c r="L266" s="85"/>
      <c r="M266" s="85"/>
      <c r="N266" s="85" t="s">
        <v>409</v>
      </c>
      <c r="O266" s="85" t="s">
        <v>464</v>
      </c>
      <c r="P266" s="85">
        <v>300</v>
      </c>
      <c r="Q266" s="85">
        <v>750</v>
      </c>
      <c r="R266" s="85" t="s">
        <v>36</v>
      </c>
      <c r="S266" s="85"/>
      <c r="T266" s="85" t="s">
        <v>31</v>
      </c>
      <c r="U266" s="85"/>
      <c r="V266" s="20" t="s">
        <v>37</v>
      </c>
      <c r="W266" s="85" t="s">
        <v>922</v>
      </c>
    </row>
    <row r="267" spans="1:23" s="18" customFormat="1" ht="19.899999999999999" customHeight="1">
      <c r="A267" s="15">
        <v>558340005</v>
      </c>
      <c r="B267" s="16"/>
      <c r="C267" s="17" t="s">
        <v>926</v>
      </c>
      <c r="D267" s="18" t="s">
        <v>137</v>
      </c>
      <c r="E267" s="16" t="s">
        <v>437</v>
      </c>
      <c r="F267" s="19" t="s">
        <v>927</v>
      </c>
      <c r="G267" s="16" t="s">
        <v>928</v>
      </c>
      <c r="H267" s="85"/>
      <c r="I267" s="85"/>
      <c r="J267" s="85" t="s">
        <v>581</v>
      </c>
      <c r="K267" s="86" t="s">
        <v>707</v>
      </c>
      <c r="L267" s="85"/>
      <c r="M267" s="85"/>
      <c r="N267" s="85" t="s">
        <v>409</v>
      </c>
      <c r="O267" s="85" t="s">
        <v>464</v>
      </c>
      <c r="P267" s="85">
        <v>35</v>
      </c>
      <c r="Q267" s="85">
        <v>59</v>
      </c>
      <c r="R267" s="85" t="s">
        <v>36</v>
      </c>
      <c r="S267" s="85"/>
      <c r="T267" s="85" t="s">
        <v>31</v>
      </c>
      <c r="U267" s="85"/>
      <c r="V267" s="20" t="s">
        <v>37</v>
      </c>
      <c r="W267" s="85" t="s">
        <v>929</v>
      </c>
    </row>
    <row r="268" spans="1:23" s="18" customFormat="1" ht="19.899999999999999" customHeight="1">
      <c r="A268" s="15">
        <v>564330030</v>
      </c>
      <c r="B268" s="16"/>
      <c r="C268" s="17" t="s">
        <v>930</v>
      </c>
      <c r="D268" s="18" t="s">
        <v>135</v>
      </c>
      <c r="E268" s="16" t="s">
        <v>303</v>
      </c>
      <c r="F268" s="19" t="s">
        <v>931</v>
      </c>
      <c r="G268" s="16" t="s">
        <v>932</v>
      </c>
      <c r="H268" s="85"/>
      <c r="I268" s="85"/>
      <c r="J268" s="85" t="s">
        <v>581</v>
      </c>
      <c r="K268" s="86" t="s">
        <v>707</v>
      </c>
      <c r="L268" s="85"/>
      <c r="M268" s="85"/>
      <c r="N268" s="85" t="s">
        <v>409</v>
      </c>
      <c r="O268" s="85" t="s">
        <v>464</v>
      </c>
      <c r="P268" s="85">
        <v>350</v>
      </c>
      <c r="Q268" s="85">
        <v>450</v>
      </c>
      <c r="R268" s="85" t="s">
        <v>36</v>
      </c>
      <c r="S268" s="85"/>
      <c r="T268" s="85" t="s">
        <v>31</v>
      </c>
      <c r="U268" s="85"/>
      <c r="V268" s="20" t="s">
        <v>37</v>
      </c>
      <c r="W268" s="85" t="s">
        <v>536</v>
      </c>
    </row>
    <row r="269" spans="1:23" s="18" customFormat="1" ht="19.899999999999999" customHeight="1">
      <c r="A269" s="15">
        <v>777330019</v>
      </c>
      <c r="B269" s="16"/>
      <c r="C269" s="17" t="s">
        <v>933</v>
      </c>
      <c r="D269" s="18" t="s">
        <v>135</v>
      </c>
      <c r="E269" s="16" t="s">
        <v>303</v>
      </c>
      <c r="F269" s="19" t="s">
        <v>934</v>
      </c>
      <c r="G269" s="16" t="s">
        <v>935</v>
      </c>
      <c r="H269" s="85"/>
      <c r="I269" s="85"/>
      <c r="J269" s="85" t="s">
        <v>581</v>
      </c>
      <c r="K269" s="86" t="s">
        <v>707</v>
      </c>
      <c r="L269" s="85"/>
      <c r="M269" s="85"/>
      <c r="N269" s="85" t="s">
        <v>409</v>
      </c>
      <c r="O269" s="85" t="s">
        <v>464</v>
      </c>
      <c r="P269" s="85">
        <v>850</v>
      </c>
      <c r="Q269" s="87">
        <v>1090</v>
      </c>
      <c r="R269" s="85" t="s">
        <v>36</v>
      </c>
      <c r="S269" s="85"/>
      <c r="T269" s="85" t="s">
        <v>31</v>
      </c>
      <c r="U269" s="85"/>
      <c r="V269" s="20" t="s">
        <v>37</v>
      </c>
      <c r="W269" s="85" t="s">
        <v>936</v>
      </c>
    </row>
    <row r="270" spans="1:23" s="18" customFormat="1" ht="19.899999999999999" customHeight="1">
      <c r="A270" s="15">
        <v>777330023</v>
      </c>
      <c r="B270" s="16"/>
      <c r="C270" s="17" t="s">
        <v>937</v>
      </c>
      <c r="D270" s="18" t="s">
        <v>135</v>
      </c>
      <c r="E270" s="16" t="s">
        <v>27</v>
      </c>
      <c r="F270" s="16" t="s">
        <v>938</v>
      </c>
      <c r="G270" s="27" t="s">
        <v>939</v>
      </c>
      <c r="H270" s="85"/>
      <c r="I270" s="85"/>
      <c r="J270" s="85" t="s">
        <v>581</v>
      </c>
      <c r="K270" s="86" t="s">
        <v>611</v>
      </c>
      <c r="L270" s="85"/>
      <c r="M270" s="85"/>
      <c r="N270" s="85" t="s">
        <v>409</v>
      </c>
      <c r="O270" s="85" t="s">
        <v>464</v>
      </c>
      <c r="P270" s="85">
        <v>850</v>
      </c>
      <c r="Q270" s="85">
        <v>990</v>
      </c>
      <c r="R270" s="85" t="s">
        <v>36</v>
      </c>
      <c r="S270" s="85"/>
      <c r="T270" s="85" t="s">
        <v>31</v>
      </c>
      <c r="U270" s="85"/>
      <c r="V270" s="20" t="s">
        <v>37</v>
      </c>
      <c r="W270" s="85" t="s">
        <v>936</v>
      </c>
    </row>
    <row r="271" spans="1:23" s="18" customFormat="1" ht="19.899999999999999" customHeight="1">
      <c r="A271" s="15">
        <v>894340039</v>
      </c>
      <c r="B271" s="16"/>
      <c r="C271" s="17" t="s">
        <v>940</v>
      </c>
      <c r="D271" s="18" t="s">
        <v>137</v>
      </c>
      <c r="E271" s="16" t="s">
        <v>443</v>
      </c>
      <c r="F271" s="19" t="s">
        <v>941</v>
      </c>
      <c r="G271" s="16" t="s">
        <v>942</v>
      </c>
      <c r="H271" s="85"/>
      <c r="I271" s="85"/>
      <c r="J271" s="85" t="s">
        <v>581</v>
      </c>
      <c r="K271" s="86" t="s">
        <v>707</v>
      </c>
      <c r="L271" s="85"/>
      <c r="M271" s="85"/>
      <c r="N271" s="85" t="s">
        <v>409</v>
      </c>
      <c r="O271" s="85" t="s">
        <v>464</v>
      </c>
      <c r="P271" s="85">
        <v>130</v>
      </c>
      <c r="Q271" s="85">
        <v>200</v>
      </c>
      <c r="R271" s="85" t="s">
        <v>36</v>
      </c>
      <c r="S271" s="85"/>
      <c r="T271" s="85" t="s">
        <v>31</v>
      </c>
      <c r="U271" s="85"/>
      <c r="V271" s="20" t="s">
        <v>37</v>
      </c>
      <c r="W271" s="89" t="s">
        <v>943</v>
      </c>
    </row>
    <row r="272" spans="1:23" s="18" customFormat="1" ht="19.899999999999999" customHeight="1">
      <c r="A272" s="15">
        <v>894230005</v>
      </c>
      <c r="B272" s="16"/>
      <c r="C272" s="17" t="s">
        <v>944</v>
      </c>
      <c r="D272" s="18" t="s">
        <v>135</v>
      </c>
      <c r="E272" s="16" t="s">
        <v>27</v>
      </c>
      <c r="F272" s="19" t="s">
        <v>945</v>
      </c>
      <c r="G272" s="16" t="s">
        <v>946</v>
      </c>
      <c r="H272" s="85"/>
      <c r="I272" s="85"/>
      <c r="J272" s="85" t="s">
        <v>581</v>
      </c>
      <c r="K272" s="86" t="s">
        <v>404</v>
      </c>
      <c r="L272" s="85"/>
      <c r="M272" s="85"/>
      <c r="N272" s="85" t="s">
        <v>409</v>
      </c>
      <c r="O272" s="85" t="s">
        <v>464</v>
      </c>
      <c r="P272" s="85">
        <v>390</v>
      </c>
      <c r="Q272" s="85">
        <v>490</v>
      </c>
      <c r="R272" s="85" t="s">
        <v>36</v>
      </c>
      <c r="S272" s="85"/>
      <c r="T272" s="85" t="s">
        <v>31</v>
      </c>
      <c r="U272" s="85"/>
      <c r="V272" s="20" t="s">
        <v>37</v>
      </c>
      <c r="W272" s="85" t="s">
        <v>764</v>
      </c>
    </row>
    <row r="273" spans="1:23" s="18" customFormat="1" ht="19.899999999999999" customHeight="1">
      <c r="A273" s="15">
        <v>564330020</v>
      </c>
      <c r="B273" s="16"/>
      <c r="C273" s="17" t="s">
        <v>948</v>
      </c>
      <c r="D273" s="18" t="s">
        <v>135</v>
      </c>
      <c r="E273" s="16" t="s">
        <v>303</v>
      </c>
      <c r="F273" s="19" t="s">
        <v>949</v>
      </c>
      <c r="G273" s="16" t="s">
        <v>710</v>
      </c>
      <c r="H273" s="85"/>
      <c r="I273" s="85"/>
      <c r="J273" s="85" t="s">
        <v>581</v>
      </c>
      <c r="K273" s="86" t="s">
        <v>389</v>
      </c>
      <c r="L273" s="85"/>
      <c r="M273" s="85"/>
      <c r="N273" s="85" t="s">
        <v>409</v>
      </c>
      <c r="O273" s="85" t="s">
        <v>464</v>
      </c>
      <c r="P273" s="85">
        <v>250</v>
      </c>
      <c r="Q273" s="85">
        <v>379</v>
      </c>
      <c r="R273" s="85" t="s">
        <v>36</v>
      </c>
      <c r="S273" s="85"/>
      <c r="T273" s="85" t="s">
        <v>31</v>
      </c>
      <c r="U273" s="85"/>
      <c r="V273" s="20" t="s">
        <v>37</v>
      </c>
      <c r="W273" s="85" t="s">
        <v>410</v>
      </c>
    </row>
    <row r="274" spans="1:23" s="18" customFormat="1" ht="19.899999999999999" customHeight="1">
      <c r="A274" s="15">
        <v>112330004</v>
      </c>
      <c r="B274" s="16"/>
      <c r="C274" s="17" t="s">
        <v>950</v>
      </c>
      <c r="D274" s="18" t="s">
        <v>135</v>
      </c>
      <c r="E274" s="16" t="s">
        <v>27</v>
      </c>
      <c r="F274" s="19" t="s">
        <v>534</v>
      </c>
      <c r="G274" s="16" t="s">
        <v>951</v>
      </c>
      <c r="H274" s="85"/>
      <c r="I274" s="85"/>
      <c r="J274" s="85" t="s">
        <v>581</v>
      </c>
      <c r="K274" s="86" t="s">
        <v>389</v>
      </c>
      <c r="L274" s="85"/>
      <c r="M274" s="85"/>
      <c r="N274" s="85" t="s">
        <v>409</v>
      </c>
      <c r="O274" s="85" t="s">
        <v>464</v>
      </c>
      <c r="P274" s="85">
        <v>350</v>
      </c>
      <c r="Q274" s="85">
        <v>490</v>
      </c>
      <c r="R274" s="85" t="s">
        <v>36</v>
      </c>
      <c r="S274" s="85"/>
      <c r="T274" s="85" t="s">
        <v>31</v>
      </c>
      <c r="U274" s="85"/>
      <c r="V274" s="20" t="s">
        <v>37</v>
      </c>
      <c r="W274" s="85" t="s">
        <v>766</v>
      </c>
    </row>
    <row r="275" spans="1:23" s="18" customFormat="1" ht="19.899999999999999" customHeight="1">
      <c r="A275" s="15">
        <v>112330005</v>
      </c>
      <c r="B275" s="16"/>
      <c r="C275" s="17" t="s">
        <v>952</v>
      </c>
      <c r="D275" s="18" t="s">
        <v>135</v>
      </c>
      <c r="E275" s="16" t="s">
        <v>303</v>
      </c>
      <c r="F275" s="19" t="s">
        <v>953</v>
      </c>
      <c r="G275" s="16" t="s">
        <v>710</v>
      </c>
      <c r="H275" s="85"/>
      <c r="I275" s="85"/>
      <c r="J275" s="85" t="s">
        <v>581</v>
      </c>
      <c r="K275" s="86" t="s">
        <v>389</v>
      </c>
      <c r="L275" s="85"/>
      <c r="M275" s="85"/>
      <c r="N275" s="85" t="s">
        <v>409</v>
      </c>
      <c r="O275" s="85" t="s">
        <v>464</v>
      </c>
      <c r="P275" s="85">
        <v>300</v>
      </c>
      <c r="Q275" s="85">
        <v>450</v>
      </c>
      <c r="R275" s="85" t="s">
        <v>36</v>
      </c>
      <c r="S275" s="85"/>
      <c r="T275" s="85" t="s">
        <v>31</v>
      </c>
      <c r="U275" s="85"/>
      <c r="V275" s="20" t="s">
        <v>37</v>
      </c>
      <c r="W275" s="85" t="s">
        <v>766</v>
      </c>
    </row>
    <row r="276" spans="1:23" s="18" customFormat="1" ht="19.899999999999999" customHeight="1">
      <c r="A276" s="15">
        <v>112330006</v>
      </c>
      <c r="B276" s="16"/>
      <c r="C276" s="17" t="s">
        <v>954</v>
      </c>
      <c r="D276" s="18" t="s">
        <v>135</v>
      </c>
      <c r="E276" s="16" t="s">
        <v>303</v>
      </c>
      <c r="F276" s="19" t="s">
        <v>955</v>
      </c>
      <c r="G276" s="16" t="s">
        <v>710</v>
      </c>
      <c r="H276" s="85"/>
      <c r="I276" s="85"/>
      <c r="J276" s="85" t="s">
        <v>581</v>
      </c>
      <c r="K276" s="86" t="s">
        <v>389</v>
      </c>
      <c r="L276" s="85"/>
      <c r="M276" s="85"/>
      <c r="N276" s="85" t="s">
        <v>409</v>
      </c>
      <c r="O276" s="85" t="s">
        <v>464</v>
      </c>
      <c r="P276" s="85">
        <v>370</v>
      </c>
      <c r="Q276" s="85">
        <v>550</v>
      </c>
      <c r="R276" s="85" t="s">
        <v>36</v>
      </c>
      <c r="S276" s="85"/>
      <c r="T276" s="85" t="s">
        <v>31</v>
      </c>
      <c r="U276" s="85"/>
      <c r="V276" s="20" t="s">
        <v>37</v>
      </c>
      <c r="W276" s="85" t="s">
        <v>766</v>
      </c>
    </row>
    <row r="277" spans="1:23" s="18" customFormat="1" ht="19.899999999999999" customHeight="1">
      <c r="A277" s="15">
        <v>112330011</v>
      </c>
      <c r="B277" s="16"/>
      <c r="C277" s="17" t="s">
        <v>956</v>
      </c>
      <c r="D277" s="18" t="s">
        <v>135</v>
      </c>
      <c r="E277" s="16" t="s">
        <v>303</v>
      </c>
      <c r="F277" s="19" t="s">
        <v>957</v>
      </c>
      <c r="G277" s="16" t="s">
        <v>958</v>
      </c>
      <c r="H277" s="85"/>
      <c r="I277" s="85"/>
      <c r="J277" s="85" t="s">
        <v>581</v>
      </c>
      <c r="K277" s="86" t="s">
        <v>389</v>
      </c>
      <c r="L277" s="85"/>
      <c r="M277" s="85"/>
      <c r="N277" s="85" t="s">
        <v>409</v>
      </c>
      <c r="O277" s="85" t="s">
        <v>464</v>
      </c>
      <c r="P277" s="85">
        <v>650</v>
      </c>
      <c r="Q277" s="85">
        <v>850</v>
      </c>
      <c r="R277" s="85" t="s">
        <v>36</v>
      </c>
      <c r="S277" s="85"/>
      <c r="T277" s="85" t="s">
        <v>31</v>
      </c>
      <c r="U277" s="85"/>
      <c r="V277" s="20" t="s">
        <v>37</v>
      </c>
      <c r="W277" s="85" t="s">
        <v>766</v>
      </c>
    </row>
    <row r="278" spans="1:23" s="18" customFormat="1" ht="19.899999999999999" customHeight="1">
      <c r="A278" s="15">
        <v>112330012</v>
      </c>
      <c r="B278" s="16"/>
      <c r="C278" s="17" t="s">
        <v>959</v>
      </c>
      <c r="D278" s="18" t="s">
        <v>135</v>
      </c>
      <c r="E278" s="16" t="s">
        <v>303</v>
      </c>
      <c r="F278" s="19" t="s">
        <v>957</v>
      </c>
      <c r="G278" s="16" t="s">
        <v>960</v>
      </c>
      <c r="H278" s="85"/>
      <c r="I278" s="85"/>
      <c r="J278" s="85" t="s">
        <v>581</v>
      </c>
      <c r="K278" s="86" t="s">
        <v>389</v>
      </c>
      <c r="L278" s="85"/>
      <c r="M278" s="85"/>
      <c r="N278" s="85" t="s">
        <v>409</v>
      </c>
      <c r="O278" s="85" t="s">
        <v>464</v>
      </c>
      <c r="P278" s="85">
        <v>350</v>
      </c>
      <c r="Q278" s="85">
        <v>550</v>
      </c>
      <c r="R278" s="85" t="s">
        <v>36</v>
      </c>
      <c r="S278" s="85"/>
      <c r="T278" s="85" t="s">
        <v>31</v>
      </c>
      <c r="U278" s="85"/>
      <c r="V278" s="20" t="s">
        <v>37</v>
      </c>
      <c r="W278" s="85" t="s">
        <v>766</v>
      </c>
    </row>
    <row r="279" spans="1:23" s="18" customFormat="1" ht="19.899999999999999" customHeight="1">
      <c r="A279" s="15">
        <v>894340026</v>
      </c>
      <c r="B279" s="16"/>
      <c r="C279" s="17" t="s">
        <v>961</v>
      </c>
      <c r="D279" s="18" t="s">
        <v>137</v>
      </c>
      <c r="E279" s="16" t="s">
        <v>55</v>
      </c>
      <c r="F279" s="19" t="s">
        <v>962</v>
      </c>
      <c r="G279" s="16" t="s">
        <v>963</v>
      </c>
      <c r="H279" s="85"/>
      <c r="I279" s="85"/>
      <c r="J279" s="85" t="s">
        <v>581</v>
      </c>
      <c r="K279" s="86" t="s">
        <v>389</v>
      </c>
      <c r="L279" s="85"/>
      <c r="M279" s="85"/>
      <c r="N279" s="85" t="s">
        <v>409</v>
      </c>
      <c r="O279" s="85" t="s">
        <v>464</v>
      </c>
      <c r="P279" s="85">
        <v>95.25</v>
      </c>
      <c r="Q279" s="85">
        <v>300</v>
      </c>
      <c r="R279" s="85" t="s">
        <v>36</v>
      </c>
      <c r="S279" s="85"/>
      <c r="T279" s="85" t="s">
        <v>31</v>
      </c>
      <c r="U279" s="85"/>
      <c r="V279" s="20" t="s">
        <v>37</v>
      </c>
      <c r="W279" s="85" t="s">
        <v>943</v>
      </c>
    </row>
    <row r="280" spans="1:23" s="18" customFormat="1" ht="19.899999999999999" customHeight="1">
      <c r="A280" s="15">
        <v>894340027</v>
      </c>
      <c r="B280" s="16"/>
      <c r="C280" s="17" t="s">
        <v>964</v>
      </c>
      <c r="D280" s="18" t="s">
        <v>137</v>
      </c>
      <c r="E280" s="16" t="s">
        <v>55</v>
      </c>
      <c r="F280" s="19" t="s">
        <v>965</v>
      </c>
      <c r="G280" s="16" t="s">
        <v>966</v>
      </c>
      <c r="H280" s="85"/>
      <c r="I280" s="85"/>
      <c r="J280" s="85" t="s">
        <v>581</v>
      </c>
      <c r="K280" s="86" t="s">
        <v>389</v>
      </c>
      <c r="L280" s="85"/>
      <c r="M280" s="85"/>
      <c r="N280" s="85" t="s">
        <v>409</v>
      </c>
      <c r="O280" s="85" t="s">
        <v>464</v>
      </c>
      <c r="P280" s="90" t="s">
        <v>967</v>
      </c>
      <c r="Q280" s="90" t="s">
        <v>36</v>
      </c>
      <c r="R280" s="85" t="s">
        <v>36</v>
      </c>
      <c r="S280" s="85"/>
      <c r="T280" s="85" t="s">
        <v>31</v>
      </c>
      <c r="U280" s="85"/>
      <c r="V280" s="20" t="s">
        <v>37</v>
      </c>
      <c r="W280" s="85" t="s">
        <v>943</v>
      </c>
    </row>
    <row r="281" spans="1:23" s="18" customFormat="1" ht="19.899999999999999" customHeight="1">
      <c r="A281" s="15">
        <v>220340005</v>
      </c>
      <c r="B281" s="16"/>
      <c r="C281" s="17" t="s">
        <v>968</v>
      </c>
      <c r="D281" s="18" t="s">
        <v>137</v>
      </c>
      <c r="E281" s="16" t="s">
        <v>93</v>
      </c>
      <c r="F281" s="19" t="s">
        <v>796</v>
      </c>
      <c r="G281" s="16" t="s">
        <v>969</v>
      </c>
      <c r="H281" s="85"/>
      <c r="I281" s="85"/>
      <c r="J281" s="85" t="s">
        <v>581</v>
      </c>
      <c r="K281" s="86" t="s">
        <v>389</v>
      </c>
      <c r="L281" s="85"/>
      <c r="M281" s="85"/>
      <c r="N281" s="85" t="s">
        <v>409</v>
      </c>
      <c r="O281" s="85" t="s">
        <v>464</v>
      </c>
      <c r="P281" s="85">
        <v>45</v>
      </c>
      <c r="Q281" s="85">
        <v>69</v>
      </c>
      <c r="R281" s="85" t="s">
        <v>36</v>
      </c>
      <c r="S281" s="85"/>
      <c r="T281" s="85" t="s">
        <v>31</v>
      </c>
      <c r="U281" s="85"/>
      <c r="V281" s="20" t="s">
        <v>37</v>
      </c>
      <c r="W281" s="85" t="s">
        <v>970</v>
      </c>
    </row>
    <row r="282" spans="1:23" s="18" customFormat="1" ht="19.899999999999999" customHeight="1">
      <c r="A282" s="15">
        <v>220340006</v>
      </c>
      <c r="B282" s="16"/>
      <c r="C282" s="17" t="s">
        <v>971</v>
      </c>
      <c r="D282" s="18" t="s">
        <v>137</v>
      </c>
      <c r="E282" s="16" t="s">
        <v>93</v>
      </c>
      <c r="F282" s="19" t="s">
        <v>796</v>
      </c>
      <c r="G282" s="16" t="s">
        <v>972</v>
      </c>
      <c r="H282" s="85"/>
      <c r="I282" s="85"/>
      <c r="J282" s="85" t="s">
        <v>581</v>
      </c>
      <c r="K282" s="86" t="s">
        <v>389</v>
      </c>
      <c r="L282" s="85"/>
      <c r="M282" s="85"/>
      <c r="N282" s="85" t="s">
        <v>409</v>
      </c>
      <c r="O282" s="85" t="s">
        <v>464</v>
      </c>
      <c r="P282" s="85">
        <v>25</v>
      </c>
      <c r="Q282" s="85">
        <v>49</v>
      </c>
      <c r="R282" s="85" t="s">
        <v>36</v>
      </c>
      <c r="S282" s="85"/>
      <c r="T282" s="85" t="s">
        <v>31</v>
      </c>
      <c r="U282" s="85"/>
      <c r="V282" s="20" t="s">
        <v>37</v>
      </c>
      <c r="W282" s="85" t="s">
        <v>970</v>
      </c>
    </row>
    <row r="283" spans="1:23" s="18" customFormat="1" ht="19.899999999999999" customHeight="1">
      <c r="A283" s="15">
        <v>220340007</v>
      </c>
      <c r="B283" s="16"/>
      <c r="C283" s="17" t="s">
        <v>973</v>
      </c>
      <c r="D283" s="18" t="s">
        <v>137</v>
      </c>
      <c r="E283" s="16" t="s">
        <v>93</v>
      </c>
      <c r="F283" s="19" t="s">
        <v>796</v>
      </c>
      <c r="G283" s="16" t="s">
        <v>974</v>
      </c>
      <c r="H283" s="85"/>
      <c r="I283" s="85"/>
      <c r="J283" s="85" t="s">
        <v>581</v>
      </c>
      <c r="K283" s="86" t="s">
        <v>389</v>
      </c>
      <c r="L283" s="85"/>
      <c r="M283" s="85"/>
      <c r="N283" s="85" t="s">
        <v>409</v>
      </c>
      <c r="O283" s="85" t="s">
        <v>464</v>
      </c>
      <c r="P283" s="85">
        <v>70</v>
      </c>
      <c r="Q283" s="85">
        <v>89</v>
      </c>
      <c r="R283" s="85" t="s">
        <v>36</v>
      </c>
      <c r="S283" s="85"/>
      <c r="T283" s="85" t="s">
        <v>31</v>
      </c>
      <c r="U283" s="85"/>
      <c r="V283" s="20" t="s">
        <v>37</v>
      </c>
      <c r="W283" s="85" t="s">
        <v>970</v>
      </c>
    </row>
    <row r="284" spans="1:23" s="18" customFormat="1" ht="19.899999999999999" customHeight="1">
      <c r="A284" s="15">
        <v>220340008</v>
      </c>
      <c r="B284" s="16"/>
      <c r="C284" s="17" t="s">
        <v>975</v>
      </c>
      <c r="D284" s="18" t="s">
        <v>137</v>
      </c>
      <c r="E284" s="16" t="s">
        <v>93</v>
      </c>
      <c r="F284" s="19" t="s">
        <v>796</v>
      </c>
      <c r="G284" s="16" t="s">
        <v>976</v>
      </c>
      <c r="H284" s="85"/>
      <c r="I284" s="85"/>
      <c r="J284" s="85" t="s">
        <v>581</v>
      </c>
      <c r="K284" s="86" t="s">
        <v>389</v>
      </c>
      <c r="L284" s="85"/>
      <c r="M284" s="85"/>
      <c r="N284" s="85" t="s">
        <v>409</v>
      </c>
      <c r="O284" s="85" t="s">
        <v>464</v>
      </c>
      <c r="P284" s="85">
        <v>75</v>
      </c>
      <c r="Q284" s="85">
        <v>99</v>
      </c>
      <c r="R284" s="85" t="s">
        <v>36</v>
      </c>
      <c r="S284" s="85"/>
      <c r="T284" s="85" t="s">
        <v>31</v>
      </c>
      <c r="U284" s="85"/>
      <c r="V284" s="20" t="s">
        <v>37</v>
      </c>
      <c r="W284" s="85" t="s">
        <v>970</v>
      </c>
    </row>
    <row r="285" spans="1:23" s="18" customFormat="1" ht="19.5" customHeight="1">
      <c r="A285" s="15">
        <v>220340009</v>
      </c>
      <c r="B285" s="16"/>
      <c r="C285" s="17" t="s">
        <v>977</v>
      </c>
      <c r="D285" s="18" t="s">
        <v>137</v>
      </c>
      <c r="E285" s="16" t="s">
        <v>93</v>
      </c>
      <c r="F285" s="19" t="s">
        <v>796</v>
      </c>
      <c r="G285" s="16" t="s">
        <v>978</v>
      </c>
      <c r="H285" s="85"/>
      <c r="I285" s="85"/>
      <c r="J285" s="85" t="s">
        <v>581</v>
      </c>
      <c r="K285" s="86" t="s">
        <v>389</v>
      </c>
      <c r="L285" s="85"/>
      <c r="M285" s="85"/>
      <c r="N285" s="85" t="s">
        <v>409</v>
      </c>
      <c r="O285" s="85" t="s">
        <v>464</v>
      </c>
      <c r="P285" s="85">
        <v>120</v>
      </c>
      <c r="Q285" s="85">
        <v>150</v>
      </c>
      <c r="R285" s="85" t="s">
        <v>36</v>
      </c>
      <c r="S285" s="85"/>
      <c r="T285" s="85" t="s">
        <v>31</v>
      </c>
      <c r="U285" s="85"/>
      <c r="V285" s="20" t="s">
        <v>37</v>
      </c>
      <c r="W285" s="85" t="s">
        <v>1144</v>
      </c>
    </row>
    <row r="286" spans="1:23" s="18" customFormat="1" ht="19.899999999999999" customHeight="1">
      <c r="A286" s="15">
        <v>220340002</v>
      </c>
      <c r="B286" s="16"/>
      <c r="C286" s="17" t="s">
        <v>980</v>
      </c>
      <c r="D286" s="18" t="s">
        <v>137</v>
      </c>
      <c r="E286" s="16" t="s">
        <v>93</v>
      </c>
      <c r="F286" s="19" t="s">
        <v>796</v>
      </c>
      <c r="G286" s="16" t="s">
        <v>981</v>
      </c>
      <c r="H286" s="85"/>
      <c r="I286" s="85"/>
      <c r="J286" s="85" t="s">
        <v>581</v>
      </c>
      <c r="K286" s="86" t="s">
        <v>389</v>
      </c>
      <c r="L286" s="85"/>
      <c r="M286" s="85"/>
      <c r="N286" s="85" t="s">
        <v>409</v>
      </c>
      <c r="O286" s="85" t="s">
        <v>464</v>
      </c>
      <c r="P286" s="85">
        <v>100</v>
      </c>
      <c r="Q286" s="85">
        <v>180</v>
      </c>
      <c r="R286" s="85" t="s">
        <v>36</v>
      </c>
      <c r="S286" s="85"/>
      <c r="T286" s="85" t="s">
        <v>31</v>
      </c>
      <c r="U286" s="85"/>
      <c r="V286" s="20" t="s">
        <v>37</v>
      </c>
      <c r="W286" s="85" t="s">
        <v>979</v>
      </c>
    </row>
    <row r="287" spans="1:23" s="18" customFormat="1" ht="19.899999999999999" customHeight="1">
      <c r="A287" s="15">
        <v>220340011</v>
      </c>
      <c r="B287" s="16"/>
      <c r="C287" s="17" t="s">
        <v>982</v>
      </c>
      <c r="D287" s="18" t="s">
        <v>137</v>
      </c>
      <c r="E287" s="16" t="s">
        <v>93</v>
      </c>
      <c r="F287" s="19" t="s">
        <v>796</v>
      </c>
      <c r="G287" s="16" t="s">
        <v>983</v>
      </c>
      <c r="H287" s="85"/>
      <c r="I287" s="85"/>
      <c r="J287" s="85" t="s">
        <v>581</v>
      </c>
      <c r="K287" s="86" t="s">
        <v>389</v>
      </c>
      <c r="L287" s="85"/>
      <c r="M287" s="85"/>
      <c r="N287" s="85" t="s">
        <v>409</v>
      </c>
      <c r="O287" s="85" t="s">
        <v>464</v>
      </c>
      <c r="P287" s="85">
        <v>60</v>
      </c>
      <c r="Q287" s="85">
        <v>90</v>
      </c>
      <c r="R287" s="85" t="s">
        <v>36</v>
      </c>
      <c r="S287" s="85"/>
      <c r="T287" s="85" t="s">
        <v>31</v>
      </c>
      <c r="U287" s="85"/>
      <c r="V287" s="20" t="s">
        <v>37</v>
      </c>
      <c r="W287" s="85" t="s">
        <v>979</v>
      </c>
    </row>
    <row r="288" spans="1:23" s="18" customFormat="1" ht="19.899999999999999" customHeight="1">
      <c r="A288" s="15">
        <v>220340012</v>
      </c>
      <c r="B288" s="16"/>
      <c r="C288" s="17" t="s">
        <v>984</v>
      </c>
      <c r="D288" s="18" t="s">
        <v>137</v>
      </c>
      <c r="E288" s="16" t="s">
        <v>93</v>
      </c>
      <c r="F288" s="19" t="s">
        <v>796</v>
      </c>
      <c r="G288" s="16" t="s">
        <v>985</v>
      </c>
      <c r="H288" s="85"/>
      <c r="I288" s="85"/>
      <c r="J288" s="85" t="s">
        <v>581</v>
      </c>
      <c r="K288" s="86" t="s">
        <v>389</v>
      </c>
      <c r="L288" s="85"/>
      <c r="M288" s="85"/>
      <c r="N288" s="85" t="s">
        <v>409</v>
      </c>
      <c r="O288" s="85" t="s">
        <v>464</v>
      </c>
      <c r="P288" s="85">
        <v>30</v>
      </c>
      <c r="Q288" s="85">
        <v>59</v>
      </c>
      <c r="R288" s="85" t="s">
        <v>36</v>
      </c>
      <c r="S288" s="85"/>
      <c r="T288" s="85" t="s">
        <v>31</v>
      </c>
      <c r="U288" s="85"/>
      <c r="V288" s="20" t="s">
        <v>37</v>
      </c>
      <c r="W288" s="85" t="s">
        <v>979</v>
      </c>
    </row>
    <row r="289" spans="1:23" s="18" customFormat="1" ht="19.899999999999999" customHeight="1">
      <c r="A289" s="15">
        <v>220340013</v>
      </c>
      <c r="B289" s="16"/>
      <c r="C289" s="17" t="s">
        <v>986</v>
      </c>
      <c r="D289" s="18" t="s">
        <v>137</v>
      </c>
      <c r="E289" s="16" t="s">
        <v>93</v>
      </c>
      <c r="F289" s="19" t="s">
        <v>796</v>
      </c>
      <c r="G289" s="16" t="s">
        <v>987</v>
      </c>
      <c r="H289" s="85"/>
      <c r="I289" s="85"/>
      <c r="J289" s="85" t="s">
        <v>581</v>
      </c>
      <c r="K289" s="86" t="s">
        <v>389</v>
      </c>
      <c r="L289" s="85"/>
      <c r="M289" s="85"/>
      <c r="N289" s="85" t="s">
        <v>409</v>
      </c>
      <c r="O289" s="85" t="s">
        <v>464</v>
      </c>
      <c r="P289" s="85">
        <v>60</v>
      </c>
      <c r="Q289" s="85">
        <v>90</v>
      </c>
      <c r="R289" s="85" t="s">
        <v>36</v>
      </c>
      <c r="S289" s="85"/>
      <c r="T289" s="85" t="s">
        <v>31</v>
      </c>
      <c r="U289" s="85"/>
      <c r="V289" s="20" t="s">
        <v>37</v>
      </c>
      <c r="W289" s="85" t="s">
        <v>979</v>
      </c>
    </row>
    <row r="290" spans="1:23" s="18" customFormat="1" ht="19.899999999999999" customHeight="1">
      <c r="A290" s="15">
        <v>220340014</v>
      </c>
      <c r="B290" s="16"/>
      <c r="C290" s="17" t="s">
        <v>988</v>
      </c>
      <c r="D290" s="18" t="s">
        <v>137</v>
      </c>
      <c r="E290" s="16" t="s">
        <v>93</v>
      </c>
      <c r="F290" s="19" t="s">
        <v>796</v>
      </c>
      <c r="G290" s="16" t="s">
        <v>989</v>
      </c>
      <c r="H290" s="85"/>
      <c r="I290" s="85"/>
      <c r="J290" s="85" t="s">
        <v>581</v>
      </c>
      <c r="K290" s="86" t="s">
        <v>389</v>
      </c>
      <c r="L290" s="85"/>
      <c r="M290" s="85"/>
      <c r="N290" s="85" t="s">
        <v>409</v>
      </c>
      <c r="O290" s="85" t="s">
        <v>464</v>
      </c>
      <c r="P290" s="85">
        <v>35</v>
      </c>
      <c r="Q290" s="85">
        <v>59</v>
      </c>
      <c r="R290" s="85" t="s">
        <v>36</v>
      </c>
      <c r="S290" s="85"/>
      <c r="T290" s="85" t="s">
        <v>31</v>
      </c>
      <c r="U290" s="85"/>
      <c r="V290" s="20" t="s">
        <v>37</v>
      </c>
      <c r="W290" s="85" t="s">
        <v>979</v>
      </c>
    </row>
    <row r="291" spans="1:23" s="18" customFormat="1" ht="19.899999999999999" customHeight="1">
      <c r="A291" s="15">
        <v>220340015</v>
      </c>
      <c r="B291" s="16"/>
      <c r="C291" s="17" t="s">
        <v>990</v>
      </c>
      <c r="D291" s="18" t="s">
        <v>137</v>
      </c>
      <c r="E291" s="16" t="s">
        <v>93</v>
      </c>
      <c r="F291" s="19" t="s">
        <v>796</v>
      </c>
      <c r="G291" s="16" t="s">
        <v>991</v>
      </c>
      <c r="H291" s="85"/>
      <c r="I291" s="85"/>
      <c r="J291" s="85" t="s">
        <v>581</v>
      </c>
      <c r="K291" s="86" t="s">
        <v>389</v>
      </c>
      <c r="L291" s="85"/>
      <c r="M291" s="85"/>
      <c r="N291" s="85" t="s">
        <v>409</v>
      </c>
      <c r="O291" s="85" t="s">
        <v>464</v>
      </c>
      <c r="P291" s="85">
        <v>40</v>
      </c>
      <c r="Q291" s="85">
        <v>69</v>
      </c>
      <c r="R291" s="85" t="s">
        <v>36</v>
      </c>
      <c r="S291" s="85"/>
      <c r="T291" s="85" t="s">
        <v>31</v>
      </c>
      <c r="U291" s="85"/>
      <c r="V291" s="20" t="s">
        <v>37</v>
      </c>
      <c r="W291" s="85" t="s">
        <v>979</v>
      </c>
    </row>
    <row r="292" spans="1:23" s="18" customFormat="1" ht="19.899999999999999" customHeight="1">
      <c r="A292" s="15">
        <v>220340016</v>
      </c>
      <c r="B292" s="16"/>
      <c r="C292" s="17" t="s">
        <v>992</v>
      </c>
      <c r="D292" s="18" t="s">
        <v>137</v>
      </c>
      <c r="E292" s="16" t="s">
        <v>93</v>
      </c>
      <c r="F292" s="19" t="s">
        <v>796</v>
      </c>
      <c r="G292" s="16" t="s">
        <v>993</v>
      </c>
      <c r="H292" s="85"/>
      <c r="I292" s="85"/>
      <c r="J292" s="85" t="s">
        <v>581</v>
      </c>
      <c r="K292" s="86" t="s">
        <v>389</v>
      </c>
      <c r="L292" s="85"/>
      <c r="M292" s="85"/>
      <c r="N292" s="85" t="s">
        <v>409</v>
      </c>
      <c r="O292" s="85" t="s">
        <v>464</v>
      </c>
      <c r="P292" s="85">
        <v>240</v>
      </c>
      <c r="Q292" s="85">
        <v>300</v>
      </c>
      <c r="R292" s="85" t="s">
        <v>36</v>
      </c>
      <c r="S292" s="85"/>
      <c r="T292" s="85" t="s">
        <v>31</v>
      </c>
      <c r="U292" s="85"/>
      <c r="V292" s="20" t="s">
        <v>37</v>
      </c>
      <c r="W292" s="85" t="s">
        <v>979</v>
      </c>
    </row>
    <row r="293" spans="1:23" s="18" customFormat="1" ht="19.899999999999999" customHeight="1">
      <c r="A293" s="15">
        <v>220340017</v>
      </c>
      <c r="B293" s="16"/>
      <c r="C293" s="17" t="s">
        <v>994</v>
      </c>
      <c r="D293" s="18" t="s">
        <v>137</v>
      </c>
      <c r="E293" s="16" t="s">
        <v>93</v>
      </c>
      <c r="F293" s="19" t="s">
        <v>796</v>
      </c>
      <c r="G293" s="16" t="s">
        <v>735</v>
      </c>
      <c r="H293" s="85"/>
      <c r="I293" s="85"/>
      <c r="J293" s="85" t="s">
        <v>581</v>
      </c>
      <c r="K293" s="86" t="s">
        <v>389</v>
      </c>
      <c r="L293" s="85"/>
      <c r="M293" s="85"/>
      <c r="N293" s="85" t="s">
        <v>409</v>
      </c>
      <c r="O293" s="85" t="s">
        <v>464</v>
      </c>
      <c r="P293" s="85">
        <v>60</v>
      </c>
      <c r="Q293" s="85">
        <v>90</v>
      </c>
      <c r="R293" s="85" t="s">
        <v>36</v>
      </c>
      <c r="S293" s="85"/>
      <c r="T293" s="85" t="s">
        <v>31</v>
      </c>
      <c r="U293" s="85"/>
      <c r="V293" s="20" t="s">
        <v>37</v>
      </c>
      <c r="W293" s="85" t="s">
        <v>979</v>
      </c>
    </row>
    <row r="294" spans="1:23" s="18" customFormat="1" ht="19.899999999999999" customHeight="1">
      <c r="A294" s="15">
        <v>550340061</v>
      </c>
      <c r="B294" s="16"/>
      <c r="C294" s="17" t="s">
        <v>995</v>
      </c>
      <c r="D294" s="18" t="s">
        <v>137</v>
      </c>
      <c r="E294" s="16" t="s">
        <v>303</v>
      </c>
      <c r="F294" s="19" t="s">
        <v>996</v>
      </c>
      <c r="G294" s="16" t="s">
        <v>884</v>
      </c>
      <c r="H294" s="85"/>
      <c r="I294" s="85"/>
      <c r="J294" s="85" t="s">
        <v>581</v>
      </c>
      <c r="K294" s="85" t="s">
        <v>997</v>
      </c>
      <c r="L294" s="85"/>
      <c r="M294" s="85"/>
      <c r="N294" s="85" t="s">
        <v>409</v>
      </c>
      <c r="O294" s="85" t="s">
        <v>464</v>
      </c>
      <c r="P294" s="85">
        <v>230</v>
      </c>
      <c r="Q294" s="85">
        <v>299</v>
      </c>
      <c r="R294" s="85" t="s">
        <v>90</v>
      </c>
      <c r="S294" s="85"/>
      <c r="T294" s="85" t="s">
        <v>31</v>
      </c>
      <c r="U294" s="85"/>
      <c r="V294" s="20" t="s">
        <v>37</v>
      </c>
      <c r="W294" s="85" t="s">
        <v>998</v>
      </c>
    </row>
    <row r="295" spans="1:23" s="18" customFormat="1" ht="19.899999999999999" customHeight="1">
      <c r="A295" s="15">
        <v>550340062</v>
      </c>
      <c r="B295" s="16"/>
      <c r="C295" s="17" t="s">
        <v>999</v>
      </c>
      <c r="D295" s="18" t="s">
        <v>137</v>
      </c>
      <c r="E295" s="16" t="s">
        <v>303</v>
      </c>
      <c r="F295" s="19" t="s">
        <v>996</v>
      </c>
      <c r="G295" s="16" t="s">
        <v>1000</v>
      </c>
      <c r="H295" s="85"/>
      <c r="I295" s="85"/>
      <c r="J295" s="85" t="s">
        <v>581</v>
      </c>
      <c r="K295" s="85" t="s">
        <v>997</v>
      </c>
      <c r="L295" s="85"/>
      <c r="M295" s="85"/>
      <c r="N295" s="85" t="s">
        <v>409</v>
      </c>
      <c r="O295" s="85" t="s">
        <v>464</v>
      </c>
      <c r="P295" s="85">
        <v>230</v>
      </c>
      <c r="Q295" s="85">
        <v>299</v>
      </c>
      <c r="R295" s="85" t="s">
        <v>90</v>
      </c>
      <c r="S295" s="85"/>
      <c r="T295" s="85" t="s">
        <v>31</v>
      </c>
      <c r="U295" s="85"/>
      <c r="V295" s="20" t="s">
        <v>37</v>
      </c>
      <c r="W295" s="85" t="s">
        <v>998</v>
      </c>
    </row>
    <row r="296" spans="1:23" s="18" customFormat="1" ht="19.899999999999999" customHeight="1">
      <c r="A296" s="15">
        <v>550340063</v>
      </c>
      <c r="B296" s="16"/>
      <c r="C296" s="17" t="s">
        <v>1001</v>
      </c>
      <c r="D296" s="18" t="s">
        <v>137</v>
      </c>
      <c r="E296" s="16" t="s">
        <v>303</v>
      </c>
      <c r="F296" s="19" t="s">
        <v>996</v>
      </c>
      <c r="G296" s="16" t="s">
        <v>1002</v>
      </c>
      <c r="H296" s="85"/>
      <c r="I296" s="85"/>
      <c r="J296" s="85" t="s">
        <v>581</v>
      </c>
      <c r="K296" s="85" t="s">
        <v>997</v>
      </c>
      <c r="L296" s="85"/>
      <c r="M296" s="85"/>
      <c r="N296" s="85" t="s">
        <v>409</v>
      </c>
      <c r="O296" s="85" t="s">
        <v>464</v>
      </c>
      <c r="P296" s="85">
        <v>180</v>
      </c>
      <c r="Q296" s="85">
        <v>239</v>
      </c>
      <c r="R296" s="85" t="s">
        <v>90</v>
      </c>
      <c r="S296" s="85"/>
      <c r="T296" s="85" t="s">
        <v>31</v>
      </c>
      <c r="U296" s="85"/>
      <c r="V296" s="20" t="s">
        <v>37</v>
      </c>
      <c r="W296" s="85" t="s">
        <v>998</v>
      </c>
    </row>
    <row r="297" spans="1:23" s="18" customFormat="1" ht="19.899999999999999" customHeight="1">
      <c r="A297" s="15">
        <v>550340064</v>
      </c>
      <c r="B297" s="16"/>
      <c r="C297" s="17" t="s">
        <v>1003</v>
      </c>
      <c r="D297" s="18" t="s">
        <v>137</v>
      </c>
      <c r="E297" s="16" t="s">
        <v>303</v>
      </c>
      <c r="F297" s="19" t="s">
        <v>996</v>
      </c>
      <c r="G297" s="16" t="s">
        <v>1004</v>
      </c>
      <c r="H297" s="85"/>
      <c r="I297" s="85"/>
      <c r="J297" s="85" t="s">
        <v>581</v>
      </c>
      <c r="K297" s="85" t="s">
        <v>997</v>
      </c>
      <c r="L297" s="85"/>
      <c r="M297" s="85"/>
      <c r="N297" s="85" t="s">
        <v>409</v>
      </c>
      <c r="O297" s="85" t="s">
        <v>464</v>
      </c>
      <c r="P297" s="85">
        <v>110</v>
      </c>
      <c r="Q297" s="85">
        <v>145</v>
      </c>
      <c r="R297" s="85" t="s">
        <v>90</v>
      </c>
      <c r="S297" s="85"/>
      <c r="T297" s="85" t="s">
        <v>31</v>
      </c>
      <c r="U297" s="85"/>
      <c r="V297" s="20" t="s">
        <v>37</v>
      </c>
      <c r="W297" s="85" t="s">
        <v>998</v>
      </c>
    </row>
    <row r="298" spans="1:23" s="18" customFormat="1" ht="19.899999999999999" customHeight="1">
      <c r="A298" s="15">
        <v>550340065</v>
      </c>
      <c r="B298" s="16"/>
      <c r="C298" s="17" t="s">
        <v>1005</v>
      </c>
      <c r="D298" s="18" t="s">
        <v>137</v>
      </c>
      <c r="E298" s="16" t="s">
        <v>303</v>
      </c>
      <c r="F298" s="19" t="s">
        <v>996</v>
      </c>
      <c r="G298" s="16" t="s">
        <v>1004</v>
      </c>
      <c r="H298" s="85"/>
      <c r="I298" s="85"/>
      <c r="J298" s="85" t="s">
        <v>581</v>
      </c>
      <c r="K298" s="85" t="s">
        <v>997</v>
      </c>
      <c r="L298" s="85"/>
      <c r="M298" s="85"/>
      <c r="N298" s="85" t="s">
        <v>409</v>
      </c>
      <c r="O298" s="85" t="s">
        <v>464</v>
      </c>
      <c r="P298" s="85">
        <v>100</v>
      </c>
      <c r="Q298" s="85">
        <v>139</v>
      </c>
      <c r="R298" s="85" t="s">
        <v>90</v>
      </c>
      <c r="S298" s="85"/>
      <c r="T298" s="85" t="s">
        <v>31</v>
      </c>
      <c r="U298" s="85"/>
      <c r="V298" s="20" t="s">
        <v>37</v>
      </c>
      <c r="W298" s="85" t="s">
        <v>998</v>
      </c>
    </row>
    <row r="299" spans="1:23" s="18" customFormat="1" ht="19.899999999999999" customHeight="1">
      <c r="A299" s="15">
        <v>222340015</v>
      </c>
      <c r="B299" s="16"/>
      <c r="C299" s="17" t="s">
        <v>1006</v>
      </c>
      <c r="D299" s="18" t="s">
        <v>137</v>
      </c>
      <c r="E299" s="16" t="s">
        <v>733</v>
      </c>
      <c r="F299" s="19" t="s">
        <v>1007</v>
      </c>
      <c r="G299" s="16" t="s">
        <v>1008</v>
      </c>
      <c r="H299" s="85"/>
      <c r="I299" s="85"/>
      <c r="J299" s="85" t="s">
        <v>581</v>
      </c>
      <c r="K299" s="85" t="s">
        <v>997</v>
      </c>
      <c r="L299" s="85"/>
      <c r="M299" s="85"/>
      <c r="N299" s="85" t="s">
        <v>409</v>
      </c>
      <c r="O299" s="85" t="s">
        <v>312</v>
      </c>
      <c r="P299" s="85">
        <v>160</v>
      </c>
      <c r="Q299" s="85">
        <v>200</v>
      </c>
      <c r="R299" s="85" t="s">
        <v>36</v>
      </c>
      <c r="S299" s="85"/>
      <c r="T299" s="85" t="s">
        <v>31</v>
      </c>
      <c r="U299" s="85"/>
      <c r="V299" s="20" t="s">
        <v>37</v>
      </c>
      <c r="W299" s="85" t="s">
        <v>597</v>
      </c>
    </row>
    <row r="300" spans="1:23" s="18" customFormat="1" ht="19.899999999999999" customHeight="1">
      <c r="A300" s="15">
        <v>222340060</v>
      </c>
      <c r="B300" s="16"/>
      <c r="C300" s="17" t="s">
        <v>1009</v>
      </c>
      <c r="D300" s="18" t="s">
        <v>137</v>
      </c>
      <c r="E300" s="16" t="s">
        <v>733</v>
      </c>
      <c r="F300" s="19" t="s">
        <v>1007</v>
      </c>
      <c r="G300" s="16" t="s">
        <v>1010</v>
      </c>
      <c r="H300" s="85"/>
      <c r="I300" s="85"/>
      <c r="J300" s="85" t="s">
        <v>581</v>
      </c>
      <c r="K300" s="85" t="s">
        <v>1011</v>
      </c>
      <c r="L300" s="85"/>
      <c r="M300" s="85"/>
      <c r="N300" s="85" t="s">
        <v>409</v>
      </c>
      <c r="O300" s="85" t="s">
        <v>312</v>
      </c>
      <c r="P300" s="85">
        <v>210</v>
      </c>
      <c r="Q300" s="85">
        <v>250</v>
      </c>
      <c r="R300" s="85" t="s">
        <v>36</v>
      </c>
      <c r="S300" s="85"/>
      <c r="T300" s="85" t="s">
        <v>31</v>
      </c>
      <c r="U300" s="85"/>
      <c r="V300" s="20" t="s">
        <v>37</v>
      </c>
      <c r="W300" s="85" t="s">
        <v>597</v>
      </c>
    </row>
    <row r="301" spans="1:23" s="18" customFormat="1" ht="19.899999999999999" customHeight="1">
      <c r="A301" s="15">
        <v>222340060</v>
      </c>
      <c r="B301" s="16"/>
      <c r="C301" s="17" t="s">
        <v>1012</v>
      </c>
      <c r="D301" s="18" t="s">
        <v>137</v>
      </c>
      <c r="E301" s="16" t="s">
        <v>733</v>
      </c>
      <c r="F301" s="19" t="s">
        <v>1007</v>
      </c>
      <c r="G301" s="16" t="s">
        <v>1010</v>
      </c>
      <c r="H301" s="85"/>
      <c r="I301" s="85"/>
      <c r="J301" s="85" t="s">
        <v>581</v>
      </c>
      <c r="K301" s="85" t="s">
        <v>1011</v>
      </c>
      <c r="L301" s="85"/>
      <c r="M301" s="85"/>
      <c r="N301" s="85" t="s">
        <v>409</v>
      </c>
      <c r="O301" s="85" t="s">
        <v>312</v>
      </c>
      <c r="P301" s="85">
        <v>210</v>
      </c>
      <c r="Q301" s="85">
        <v>250</v>
      </c>
      <c r="R301" s="85" t="s">
        <v>36</v>
      </c>
      <c r="S301" s="85"/>
      <c r="T301" s="85" t="s">
        <v>31</v>
      </c>
      <c r="U301" s="85"/>
      <c r="V301" s="20" t="s">
        <v>37</v>
      </c>
      <c r="W301" s="85" t="s">
        <v>597</v>
      </c>
    </row>
    <row r="302" spans="1:23" s="18" customFormat="1" ht="19.899999999999999" customHeight="1">
      <c r="A302" s="28">
        <v>439340012</v>
      </c>
      <c r="B302" s="16"/>
      <c r="C302" s="17" t="s">
        <v>1013</v>
      </c>
      <c r="D302" s="18" t="s">
        <v>137</v>
      </c>
      <c r="E302" s="16" t="s">
        <v>437</v>
      </c>
      <c r="F302" s="19" t="s">
        <v>1014</v>
      </c>
      <c r="G302" s="16" t="s">
        <v>1015</v>
      </c>
      <c r="H302" s="85"/>
      <c r="I302" s="85"/>
      <c r="J302" s="85" t="s">
        <v>47</v>
      </c>
      <c r="K302" s="85" t="s">
        <v>1016</v>
      </c>
      <c r="L302" s="85" t="s">
        <v>1017</v>
      </c>
      <c r="M302" s="85" t="s">
        <v>642</v>
      </c>
      <c r="N302" s="85" t="s">
        <v>409</v>
      </c>
      <c r="O302" s="85" t="s">
        <v>1018</v>
      </c>
      <c r="P302" s="85">
        <v>50</v>
      </c>
      <c r="Q302" s="85">
        <v>120</v>
      </c>
      <c r="R302" s="85" t="s">
        <v>36</v>
      </c>
      <c r="S302" s="85"/>
      <c r="T302" s="85" t="s">
        <v>31</v>
      </c>
      <c r="U302" s="85"/>
      <c r="V302" s="20" t="s">
        <v>37</v>
      </c>
      <c r="W302" s="85" t="s">
        <v>1019</v>
      </c>
    </row>
    <row r="303" spans="1:23" s="18" customFormat="1" ht="19.899999999999999" customHeight="1">
      <c r="A303" s="28">
        <v>439340013</v>
      </c>
      <c r="B303" s="16"/>
      <c r="C303" s="17" t="s">
        <v>1020</v>
      </c>
      <c r="D303" s="18" t="s">
        <v>137</v>
      </c>
      <c r="E303" s="16" t="s">
        <v>437</v>
      </c>
      <c r="F303" s="19" t="s">
        <v>1014</v>
      </c>
      <c r="G303" s="16" t="s">
        <v>1021</v>
      </c>
      <c r="H303" s="85"/>
      <c r="I303" s="85"/>
      <c r="J303" s="85" t="s">
        <v>47</v>
      </c>
      <c r="K303" s="85" t="s">
        <v>1016</v>
      </c>
      <c r="L303" s="85" t="s">
        <v>1017</v>
      </c>
      <c r="M303" s="85" t="s">
        <v>642</v>
      </c>
      <c r="N303" s="85" t="s">
        <v>409</v>
      </c>
      <c r="O303" s="85" t="s">
        <v>1018</v>
      </c>
      <c r="P303" s="85">
        <v>50</v>
      </c>
      <c r="Q303" s="85">
        <v>120</v>
      </c>
      <c r="R303" s="85" t="s">
        <v>36</v>
      </c>
      <c r="S303" s="85"/>
      <c r="T303" s="85" t="s">
        <v>31</v>
      </c>
      <c r="U303" s="85"/>
      <c r="V303" s="20" t="s">
        <v>37</v>
      </c>
      <c r="W303" s="85" t="s">
        <v>1019</v>
      </c>
    </row>
    <row r="304" spans="1:23" s="18" customFormat="1" ht="19.899999999999999" customHeight="1">
      <c r="A304" s="28">
        <v>894230001</v>
      </c>
      <c r="B304" s="16" t="s">
        <v>1022</v>
      </c>
      <c r="C304" s="17" t="s">
        <v>1023</v>
      </c>
      <c r="D304" s="18" t="s">
        <v>135</v>
      </c>
      <c r="E304" s="16" t="s">
        <v>27</v>
      </c>
      <c r="F304" s="19" t="s">
        <v>1024</v>
      </c>
      <c r="G304" s="16" t="s">
        <v>1025</v>
      </c>
      <c r="H304" s="85"/>
      <c r="I304" s="85"/>
      <c r="J304" s="86" t="s">
        <v>1026</v>
      </c>
      <c r="K304" s="85" t="s">
        <v>1017</v>
      </c>
      <c r="L304" s="85" t="s">
        <v>642</v>
      </c>
      <c r="M304" s="85" t="s">
        <v>1027</v>
      </c>
      <c r="N304" s="85" t="s">
        <v>409</v>
      </c>
      <c r="O304" s="85" t="s">
        <v>1018</v>
      </c>
      <c r="P304" s="85">
        <v>130</v>
      </c>
      <c r="Q304" s="85">
        <v>150</v>
      </c>
      <c r="R304" s="85" t="s">
        <v>36</v>
      </c>
      <c r="S304" s="85"/>
      <c r="T304" s="85" t="s">
        <v>31</v>
      </c>
      <c r="U304" s="85"/>
      <c r="V304" s="20" t="s">
        <v>37</v>
      </c>
      <c r="W304" s="85" t="s">
        <v>947</v>
      </c>
    </row>
    <row r="305" spans="1:23" s="18" customFormat="1" ht="19.899999999999999" customHeight="1">
      <c r="A305" s="28">
        <v>894230002</v>
      </c>
      <c r="B305" s="16" t="s">
        <v>1022</v>
      </c>
      <c r="C305" s="17" t="s">
        <v>1028</v>
      </c>
      <c r="D305" s="18" t="s">
        <v>135</v>
      </c>
      <c r="E305" s="16" t="s">
        <v>27</v>
      </c>
      <c r="F305" s="19" t="s">
        <v>1029</v>
      </c>
      <c r="G305" s="16" t="s">
        <v>1030</v>
      </c>
      <c r="H305" s="85"/>
      <c r="I305" s="85"/>
      <c r="J305" s="86" t="s">
        <v>1026</v>
      </c>
      <c r="K305" s="85" t="s">
        <v>1017</v>
      </c>
      <c r="L305" s="85" t="s">
        <v>642</v>
      </c>
      <c r="M305" s="85" t="s">
        <v>1027</v>
      </c>
      <c r="N305" s="85" t="s">
        <v>409</v>
      </c>
      <c r="O305" s="85" t="s">
        <v>1018</v>
      </c>
      <c r="P305" s="85">
        <v>220</v>
      </c>
      <c r="Q305" s="85">
        <v>250</v>
      </c>
      <c r="R305" s="85" t="s">
        <v>36</v>
      </c>
      <c r="S305" s="85"/>
      <c r="T305" s="85" t="s">
        <v>31</v>
      </c>
      <c r="U305" s="85"/>
      <c r="V305" s="20" t="s">
        <v>37</v>
      </c>
      <c r="W305" s="85" t="s">
        <v>947</v>
      </c>
    </row>
    <row r="306" spans="1:23" s="18" customFormat="1" ht="19.899999999999999" customHeight="1">
      <c r="A306" s="28">
        <v>894230003</v>
      </c>
      <c r="B306" s="16" t="s">
        <v>1022</v>
      </c>
      <c r="C306" s="17" t="s">
        <v>1031</v>
      </c>
      <c r="D306" s="18" t="s">
        <v>135</v>
      </c>
      <c r="E306" s="16" t="s">
        <v>86</v>
      </c>
      <c r="F306" s="19" t="s">
        <v>1032</v>
      </c>
      <c r="G306" s="16" t="s">
        <v>1033</v>
      </c>
      <c r="H306" s="85"/>
      <c r="I306" s="85"/>
      <c r="J306" s="86" t="s">
        <v>1026</v>
      </c>
      <c r="K306" s="85" t="s">
        <v>1017</v>
      </c>
      <c r="L306" s="85" t="s">
        <v>642</v>
      </c>
      <c r="M306" s="85" t="s">
        <v>1027</v>
      </c>
      <c r="N306" s="85" t="s">
        <v>409</v>
      </c>
      <c r="O306" s="85" t="s">
        <v>1018</v>
      </c>
      <c r="P306" s="85">
        <v>200</v>
      </c>
      <c r="Q306" s="85">
        <v>250</v>
      </c>
      <c r="R306" s="85" t="s">
        <v>36</v>
      </c>
      <c r="S306" s="85"/>
      <c r="T306" s="85" t="s">
        <v>31</v>
      </c>
      <c r="U306" s="85"/>
      <c r="V306" s="20" t="s">
        <v>37</v>
      </c>
      <c r="W306" s="85" t="s">
        <v>947</v>
      </c>
    </row>
    <row r="307" spans="1:23" s="18" customFormat="1" ht="19.899999999999999" customHeight="1">
      <c r="A307" s="28">
        <v>770330008</v>
      </c>
      <c r="B307" s="16" t="s">
        <v>465</v>
      </c>
      <c r="C307" s="17" t="s">
        <v>1034</v>
      </c>
      <c r="D307" s="18" t="s">
        <v>135</v>
      </c>
      <c r="E307" s="16" t="s">
        <v>27</v>
      </c>
      <c r="F307" s="19" t="s">
        <v>1035</v>
      </c>
      <c r="G307" s="16" t="s">
        <v>1036</v>
      </c>
      <c r="H307" s="85"/>
      <c r="I307" s="85"/>
      <c r="J307" s="85" t="s">
        <v>130</v>
      </c>
      <c r="K307" s="85" t="s">
        <v>505</v>
      </c>
      <c r="L307" s="85"/>
      <c r="M307" s="85"/>
      <c r="N307" s="85" t="s">
        <v>409</v>
      </c>
      <c r="O307" s="85" t="s">
        <v>1018</v>
      </c>
      <c r="P307" s="87">
        <v>1000</v>
      </c>
      <c r="Q307" s="87">
        <v>1500</v>
      </c>
      <c r="R307" s="85" t="s">
        <v>36</v>
      </c>
      <c r="S307" s="85"/>
      <c r="T307" s="85" t="s">
        <v>31</v>
      </c>
      <c r="U307" s="85"/>
      <c r="V307" s="20" t="s">
        <v>37</v>
      </c>
      <c r="W307" s="85" t="s">
        <v>465</v>
      </c>
    </row>
    <row r="308" spans="1:23" s="18" customFormat="1" ht="19.899999999999999" customHeight="1">
      <c r="A308" s="28">
        <v>770350013</v>
      </c>
      <c r="B308" s="16" t="s">
        <v>465</v>
      </c>
      <c r="C308" s="17" t="s">
        <v>1037</v>
      </c>
      <c r="D308" s="18" t="s">
        <v>762</v>
      </c>
      <c r="E308" s="16" t="s">
        <v>55</v>
      </c>
      <c r="F308" s="19" t="s">
        <v>1038</v>
      </c>
      <c r="G308" s="16" t="s">
        <v>1039</v>
      </c>
      <c r="H308" s="85"/>
      <c r="I308" s="85"/>
      <c r="J308" s="85" t="s">
        <v>61</v>
      </c>
      <c r="K308" s="85" t="s">
        <v>1040</v>
      </c>
      <c r="L308" s="85" t="s">
        <v>642</v>
      </c>
      <c r="M308" s="85" t="s">
        <v>1027</v>
      </c>
      <c r="N308" s="85" t="s">
        <v>409</v>
      </c>
      <c r="O308" s="85" t="s">
        <v>1018</v>
      </c>
      <c r="P308" s="85">
        <v>250</v>
      </c>
      <c r="Q308" s="85">
        <v>299</v>
      </c>
      <c r="R308" s="85" t="s">
        <v>36</v>
      </c>
      <c r="S308" s="85"/>
      <c r="T308" s="85" t="s">
        <v>31</v>
      </c>
      <c r="U308" s="85"/>
      <c r="V308" s="20" t="s">
        <v>37</v>
      </c>
      <c r="W308" s="85" t="s">
        <v>465</v>
      </c>
    </row>
    <row r="309" spans="1:23" s="18" customFormat="1" ht="19.899999999999999" customHeight="1">
      <c r="A309" s="28">
        <v>770330014</v>
      </c>
      <c r="B309" s="16" t="s">
        <v>465</v>
      </c>
      <c r="C309" s="17" t="s">
        <v>1041</v>
      </c>
      <c r="D309" s="18" t="s">
        <v>135</v>
      </c>
      <c r="E309" s="16" t="s">
        <v>733</v>
      </c>
      <c r="F309" s="19" t="s">
        <v>1042</v>
      </c>
      <c r="G309" s="16" t="s">
        <v>1043</v>
      </c>
      <c r="H309" s="85"/>
      <c r="I309" s="85"/>
      <c r="J309" s="85" t="s">
        <v>130</v>
      </c>
      <c r="K309" s="85" t="s">
        <v>76</v>
      </c>
      <c r="L309" s="85" t="s">
        <v>642</v>
      </c>
      <c r="M309" s="85" t="s">
        <v>642</v>
      </c>
      <c r="N309" s="85" t="s">
        <v>409</v>
      </c>
      <c r="O309" s="85" t="s">
        <v>1018</v>
      </c>
      <c r="P309" s="85">
        <v>30</v>
      </c>
      <c r="Q309" s="85">
        <v>50</v>
      </c>
      <c r="R309" s="85" t="s">
        <v>36</v>
      </c>
      <c r="S309" s="85"/>
      <c r="T309" s="85" t="s">
        <v>31</v>
      </c>
      <c r="U309" s="85"/>
      <c r="V309" s="20" t="s">
        <v>37</v>
      </c>
      <c r="W309" s="85" t="s">
        <v>465</v>
      </c>
    </row>
    <row r="310" spans="1:23" s="18" customFormat="1" ht="19.899999999999999" customHeight="1">
      <c r="A310" s="28">
        <v>222330001</v>
      </c>
      <c r="B310" s="16"/>
      <c r="C310" s="17" t="s">
        <v>1044</v>
      </c>
      <c r="D310" s="18" t="s">
        <v>135</v>
      </c>
      <c r="E310" s="16" t="s">
        <v>27</v>
      </c>
      <c r="F310" s="19" t="s">
        <v>1045</v>
      </c>
      <c r="G310" s="16" t="s">
        <v>1046</v>
      </c>
      <c r="H310" s="85"/>
      <c r="I310" s="85"/>
      <c r="J310" s="85" t="s">
        <v>581</v>
      </c>
      <c r="K310" s="85" t="s">
        <v>1047</v>
      </c>
      <c r="L310" s="85"/>
      <c r="M310" s="85"/>
      <c r="N310" s="85" t="s">
        <v>409</v>
      </c>
      <c r="O310" s="85" t="s">
        <v>1048</v>
      </c>
      <c r="P310" s="85">
        <v>820</v>
      </c>
      <c r="Q310" s="85">
        <v>890</v>
      </c>
      <c r="R310" s="85" t="s">
        <v>36</v>
      </c>
      <c r="S310" s="85"/>
      <c r="T310" s="85" t="s">
        <v>31</v>
      </c>
      <c r="U310" s="85"/>
      <c r="V310" s="20" t="s">
        <v>37</v>
      </c>
      <c r="W310" s="85" t="s">
        <v>597</v>
      </c>
    </row>
    <row r="311" spans="1:23" s="18" customFormat="1" ht="19.899999999999999" customHeight="1">
      <c r="A311" s="28">
        <v>222340014</v>
      </c>
      <c r="B311" s="16"/>
      <c r="C311" s="17" t="s">
        <v>1049</v>
      </c>
      <c r="D311" s="18" t="s">
        <v>135</v>
      </c>
      <c r="E311" s="16" t="s">
        <v>86</v>
      </c>
      <c r="F311" s="19" t="s">
        <v>1050</v>
      </c>
      <c r="G311" s="16" t="s">
        <v>1051</v>
      </c>
      <c r="H311" s="85"/>
      <c r="I311" s="85"/>
      <c r="J311" s="85" t="s">
        <v>581</v>
      </c>
      <c r="K311" s="85" t="s">
        <v>1047</v>
      </c>
      <c r="L311" s="85"/>
      <c r="M311" s="85"/>
      <c r="N311" s="85" t="s">
        <v>409</v>
      </c>
      <c r="O311" s="85" t="s">
        <v>1048</v>
      </c>
      <c r="P311" s="87">
        <v>1200</v>
      </c>
      <c r="Q311" s="87">
        <v>1400</v>
      </c>
      <c r="R311" s="85" t="s">
        <v>36</v>
      </c>
      <c r="S311" s="85"/>
      <c r="T311" s="85" t="s">
        <v>31</v>
      </c>
      <c r="U311" s="85"/>
      <c r="V311" s="20" t="s">
        <v>37</v>
      </c>
      <c r="W311" s="85" t="s">
        <v>597</v>
      </c>
    </row>
    <row r="312" spans="1:23" s="18" customFormat="1" ht="19.899999999999999" customHeight="1">
      <c r="A312" s="28">
        <v>111330013</v>
      </c>
      <c r="B312" s="16"/>
      <c r="C312" s="17" t="s">
        <v>1052</v>
      </c>
      <c r="D312" s="18" t="s">
        <v>135</v>
      </c>
      <c r="E312" s="16" t="s">
        <v>27</v>
      </c>
      <c r="F312" s="19" t="s">
        <v>1053</v>
      </c>
      <c r="G312" s="16" t="s">
        <v>1054</v>
      </c>
      <c r="H312" s="85"/>
      <c r="I312" s="85"/>
      <c r="J312" s="85" t="s">
        <v>581</v>
      </c>
      <c r="K312" s="86" t="s">
        <v>389</v>
      </c>
      <c r="L312" s="85"/>
      <c r="M312" s="85"/>
      <c r="N312" s="85" t="s">
        <v>409</v>
      </c>
      <c r="O312" s="85" t="s">
        <v>312</v>
      </c>
      <c r="P312" s="85">
        <v>120</v>
      </c>
      <c r="Q312" s="85">
        <v>159</v>
      </c>
      <c r="R312" s="85" t="s">
        <v>36</v>
      </c>
      <c r="S312" s="85"/>
      <c r="T312" s="85" t="s">
        <v>31</v>
      </c>
      <c r="U312" s="85"/>
      <c r="V312" s="20" t="s">
        <v>37</v>
      </c>
      <c r="W312" s="85" t="s">
        <v>660</v>
      </c>
    </row>
    <row r="313" spans="1:23" s="18" customFormat="1" ht="19.899999999999999" customHeight="1">
      <c r="A313" s="28">
        <v>896230003</v>
      </c>
      <c r="B313" s="16"/>
      <c r="C313" s="17" t="s">
        <v>1055</v>
      </c>
      <c r="D313" s="18" t="s">
        <v>135</v>
      </c>
      <c r="E313" s="16" t="s">
        <v>86</v>
      </c>
      <c r="F313" s="19" t="s">
        <v>1056</v>
      </c>
      <c r="G313" s="16" t="s">
        <v>1057</v>
      </c>
      <c r="H313" s="85"/>
      <c r="I313" s="85"/>
      <c r="J313" s="85" t="s">
        <v>130</v>
      </c>
      <c r="K313" s="85" t="s">
        <v>1058</v>
      </c>
      <c r="L313" s="85"/>
      <c r="M313" s="85"/>
      <c r="N313" s="85" t="s">
        <v>409</v>
      </c>
      <c r="O313" s="85" t="s">
        <v>1048</v>
      </c>
      <c r="P313" s="85">
        <v>400</v>
      </c>
      <c r="Q313" s="85">
        <v>550</v>
      </c>
      <c r="R313" s="85" t="s">
        <v>36</v>
      </c>
      <c r="S313" s="85"/>
      <c r="T313" s="85" t="s">
        <v>31</v>
      </c>
      <c r="U313" s="85"/>
      <c r="V313" s="20" t="s">
        <v>37</v>
      </c>
      <c r="W313" s="85" t="s">
        <v>1059</v>
      </c>
    </row>
    <row r="314" spans="1:23" s="18" customFormat="1" ht="19.899999999999999" customHeight="1">
      <c r="A314" s="28">
        <v>896230004</v>
      </c>
      <c r="B314" s="16"/>
      <c r="C314" s="17" t="s">
        <v>1060</v>
      </c>
      <c r="D314" s="18" t="s">
        <v>135</v>
      </c>
      <c r="E314" s="16" t="s">
        <v>86</v>
      </c>
      <c r="F314" s="19" t="s">
        <v>1056</v>
      </c>
      <c r="G314" s="16" t="s">
        <v>1061</v>
      </c>
      <c r="H314" s="85"/>
      <c r="I314" s="85"/>
      <c r="J314" s="85" t="s">
        <v>130</v>
      </c>
      <c r="K314" s="85" t="s">
        <v>1058</v>
      </c>
      <c r="L314" s="85"/>
      <c r="M314" s="85"/>
      <c r="N314" s="85" t="s">
        <v>409</v>
      </c>
      <c r="O314" s="85" t="s">
        <v>1048</v>
      </c>
      <c r="P314" s="91">
        <v>350</v>
      </c>
      <c r="Q314" s="85">
        <v>450</v>
      </c>
      <c r="R314" s="85" t="s">
        <v>36</v>
      </c>
      <c r="S314" s="85"/>
      <c r="T314" s="85" t="s">
        <v>31</v>
      </c>
      <c r="U314" s="85"/>
      <c r="V314" s="20" t="s">
        <v>37</v>
      </c>
      <c r="W314" s="85" t="s">
        <v>1059</v>
      </c>
    </row>
    <row r="315" spans="1:23" s="18" customFormat="1" ht="19.899999999999999" customHeight="1">
      <c r="A315" s="28">
        <v>550230002</v>
      </c>
      <c r="B315" s="16"/>
      <c r="C315" s="17" t="s">
        <v>1062</v>
      </c>
      <c r="D315" s="18" t="s">
        <v>135</v>
      </c>
      <c r="E315" s="16" t="s">
        <v>86</v>
      </c>
      <c r="F315" s="19" t="s">
        <v>1063</v>
      </c>
      <c r="G315" s="16" t="s">
        <v>1064</v>
      </c>
      <c r="H315" s="85"/>
      <c r="I315" s="85"/>
      <c r="J315" s="85" t="s">
        <v>130</v>
      </c>
      <c r="K315" s="85" t="s">
        <v>505</v>
      </c>
      <c r="L315" s="85"/>
      <c r="M315" s="85"/>
      <c r="N315" s="85" t="s">
        <v>409</v>
      </c>
      <c r="O315" s="85" t="s">
        <v>1048</v>
      </c>
      <c r="P315" s="85">
        <v>125</v>
      </c>
      <c r="Q315" s="85">
        <v>150</v>
      </c>
      <c r="R315" s="85" t="s">
        <v>36</v>
      </c>
      <c r="S315" s="85"/>
      <c r="T315" s="85" t="s">
        <v>31</v>
      </c>
      <c r="U315" s="85"/>
      <c r="V315" s="20" t="s">
        <v>37</v>
      </c>
      <c r="W315" s="85" t="s">
        <v>1065</v>
      </c>
    </row>
    <row r="316" spans="1:23" s="18" customFormat="1" ht="19.899999999999999" customHeight="1">
      <c r="A316" s="28">
        <v>550230003</v>
      </c>
      <c r="B316" s="16"/>
      <c r="C316" s="17" t="s">
        <v>1066</v>
      </c>
      <c r="D316" s="18" t="s">
        <v>135</v>
      </c>
      <c r="E316" s="16" t="s">
        <v>86</v>
      </c>
      <c r="F316" s="19" t="s">
        <v>1067</v>
      </c>
      <c r="G316" s="16" t="s">
        <v>1068</v>
      </c>
      <c r="H316" s="85"/>
      <c r="I316" s="85"/>
      <c r="J316" s="85" t="s">
        <v>130</v>
      </c>
      <c r="K316" s="85" t="s">
        <v>505</v>
      </c>
      <c r="L316" s="85"/>
      <c r="M316" s="85"/>
      <c r="N316" s="85" t="s">
        <v>409</v>
      </c>
      <c r="O316" s="85" t="s">
        <v>1048</v>
      </c>
      <c r="P316" s="85">
        <v>400</v>
      </c>
      <c r="Q316" s="85">
        <v>490</v>
      </c>
      <c r="R316" s="85" t="s">
        <v>36</v>
      </c>
      <c r="S316" s="85"/>
      <c r="T316" s="85" t="s">
        <v>31</v>
      </c>
      <c r="U316" s="85"/>
      <c r="V316" s="20" t="s">
        <v>37</v>
      </c>
      <c r="W316" s="85" t="s">
        <v>1065</v>
      </c>
    </row>
    <row r="317" spans="1:23" s="18" customFormat="1" ht="19.899999999999999" customHeight="1">
      <c r="A317" s="28">
        <v>550250004</v>
      </c>
      <c r="B317" s="16"/>
      <c r="C317" s="17" t="s">
        <v>1069</v>
      </c>
      <c r="D317" s="18" t="s">
        <v>135</v>
      </c>
      <c r="E317" s="16" t="s">
        <v>27</v>
      </c>
      <c r="F317" s="19" t="s">
        <v>1070</v>
      </c>
      <c r="G317" s="16" t="s">
        <v>1071</v>
      </c>
      <c r="H317" s="85"/>
      <c r="I317" s="85"/>
      <c r="J317" s="85" t="s">
        <v>130</v>
      </c>
      <c r="K317" s="85" t="s">
        <v>1072</v>
      </c>
      <c r="L317" s="85"/>
      <c r="M317" s="85"/>
      <c r="N317" s="85" t="s">
        <v>409</v>
      </c>
      <c r="O317" s="85" t="s">
        <v>1048</v>
      </c>
      <c r="P317" s="85">
        <v>570</v>
      </c>
      <c r="Q317" s="85">
        <v>650</v>
      </c>
      <c r="R317" s="85" t="s">
        <v>36</v>
      </c>
      <c r="S317" s="85"/>
      <c r="T317" s="85" t="s">
        <v>31</v>
      </c>
      <c r="U317" s="85"/>
      <c r="V317" s="20" t="s">
        <v>37</v>
      </c>
      <c r="W317" s="85" t="s">
        <v>1065</v>
      </c>
    </row>
    <row r="318" spans="1:23" s="18" customFormat="1" ht="19.899999999999999" customHeight="1">
      <c r="A318" s="28">
        <v>550230005</v>
      </c>
      <c r="B318" s="16"/>
      <c r="C318" s="17" t="s">
        <v>1073</v>
      </c>
      <c r="D318" s="18" t="s">
        <v>135</v>
      </c>
      <c r="E318" s="16" t="s">
        <v>303</v>
      </c>
      <c r="F318" s="19" t="s">
        <v>1074</v>
      </c>
      <c r="G318" s="16" t="s">
        <v>1075</v>
      </c>
      <c r="H318" s="85"/>
      <c r="I318" s="85"/>
      <c r="J318" s="85" t="s">
        <v>130</v>
      </c>
      <c r="K318" s="85" t="s">
        <v>1076</v>
      </c>
      <c r="L318" s="85"/>
      <c r="M318" s="85"/>
      <c r="N318" s="85" t="s">
        <v>409</v>
      </c>
      <c r="O318" s="85" t="s">
        <v>1048</v>
      </c>
      <c r="P318" s="85">
        <v>500</v>
      </c>
      <c r="Q318" s="85">
        <v>599</v>
      </c>
      <c r="R318" s="85" t="s">
        <v>36</v>
      </c>
      <c r="S318" s="85"/>
      <c r="T318" s="85" t="s">
        <v>31</v>
      </c>
      <c r="U318" s="85"/>
      <c r="V318" s="20" t="s">
        <v>37</v>
      </c>
      <c r="W318" s="85" t="s">
        <v>1065</v>
      </c>
    </row>
    <row r="319" spans="1:23" s="18" customFormat="1" ht="19.899999999999999" customHeight="1">
      <c r="A319" s="28">
        <v>550330006</v>
      </c>
      <c r="B319" s="16" t="s">
        <v>1077</v>
      </c>
      <c r="C319" s="17" t="s">
        <v>1078</v>
      </c>
      <c r="D319" s="18" t="s">
        <v>135</v>
      </c>
      <c r="E319" s="16" t="s">
        <v>303</v>
      </c>
      <c r="F319" s="19" t="s">
        <v>1079</v>
      </c>
      <c r="G319" s="16" t="s">
        <v>1080</v>
      </c>
      <c r="H319" s="85"/>
      <c r="I319" s="85"/>
      <c r="J319" s="85" t="s">
        <v>130</v>
      </c>
      <c r="K319" s="85" t="s">
        <v>505</v>
      </c>
      <c r="L319" s="85" t="s">
        <v>1076</v>
      </c>
      <c r="M319" s="85" t="s">
        <v>1081</v>
      </c>
      <c r="N319" s="85" t="s">
        <v>409</v>
      </c>
      <c r="O319" s="85" t="s">
        <v>1048</v>
      </c>
      <c r="P319" s="85">
        <v>500</v>
      </c>
      <c r="Q319" s="85">
        <v>790</v>
      </c>
      <c r="R319" s="85" t="s">
        <v>36</v>
      </c>
      <c r="S319" s="85"/>
      <c r="T319" s="85" t="s">
        <v>31</v>
      </c>
      <c r="U319" s="85"/>
      <c r="V319" s="20" t="s">
        <v>37</v>
      </c>
      <c r="W319" s="85" t="s">
        <v>333</v>
      </c>
    </row>
    <row r="320" spans="1:23" s="18" customFormat="1" ht="19.899999999999999" customHeight="1">
      <c r="A320" s="28">
        <v>550330007</v>
      </c>
      <c r="B320" s="16" t="s">
        <v>1077</v>
      </c>
      <c r="C320" s="17" t="s">
        <v>1082</v>
      </c>
      <c r="D320" s="18" t="s">
        <v>135</v>
      </c>
      <c r="E320" s="16" t="s">
        <v>303</v>
      </c>
      <c r="F320" s="19" t="s">
        <v>1083</v>
      </c>
      <c r="G320" s="16" t="s">
        <v>1084</v>
      </c>
      <c r="H320" s="85"/>
      <c r="I320" s="85"/>
      <c r="J320" s="85" t="s">
        <v>130</v>
      </c>
      <c r="K320" s="85" t="s">
        <v>505</v>
      </c>
      <c r="L320" s="85" t="s">
        <v>1076</v>
      </c>
      <c r="M320" s="85" t="s">
        <v>1081</v>
      </c>
      <c r="N320" s="85" t="s">
        <v>409</v>
      </c>
      <c r="O320" s="85" t="s">
        <v>1048</v>
      </c>
      <c r="P320" s="85">
        <v>1000</v>
      </c>
      <c r="Q320" s="85">
        <v>1590</v>
      </c>
      <c r="R320" s="85" t="s">
        <v>36</v>
      </c>
      <c r="S320" s="85"/>
      <c r="T320" s="85" t="s">
        <v>31</v>
      </c>
      <c r="U320" s="85"/>
      <c r="V320" s="20" t="s">
        <v>37</v>
      </c>
      <c r="W320" s="85" t="s">
        <v>333</v>
      </c>
    </row>
    <row r="321" spans="1:23" s="18" customFormat="1" ht="19.899999999999999" customHeight="1">
      <c r="A321" s="28">
        <v>550330008</v>
      </c>
      <c r="B321" s="16" t="s">
        <v>1077</v>
      </c>
      <c r="C321" s="17" t="s">
        <v>1085</v>
      </c>
      <c r="D321" s="18" t="s">
        <v>135</v>
      </c>
      <c r="E321" s="16" t="s">
        <v>303</v>
      </c>
      <c r="F321" s="19" t="s">
        <v>1086</v>
      </c>
      <c r="G321" s="19" t="s">
        <v>1087</v>
      </c>
      <c r="H321" s="85"/>
      <c r="I321" s="85"/>
      <c r="J321" s="85" t="s">
        <v>130</v>
      </c>
      <c r="K321" s="85" t="s">
        <v>505</v>
      </c>
      <c r="L321" s="85" t="s">
        <v>1076</v>
      </c>
      <c r="M321" s="85" t="s">
        <v>1081</v>
      </c>
      <c r="N321" s="85" t="s">
        <v>409</v>
      </c>
      <c r="O321" s="85" t="s">
        <v>1048</v>
      </c>
      <c r="P321" s="85">
        <v>800</v>
      </c>
      <c r="Q321" s="85">
        <v>1290</v>
      </c>
      <c r="R321" s="85" t="s">
        <v>36</v>
      </c>
      <c r="S321" s="85"/>
      <c r="T321" s="85" t="s">
        <v>31</v>
      </c>
      <c r="U321" s="85"/>
      <c r="V321" s="20" t="s">
        <v>37</v>
      </c>
      <c r="W321" s="85" t="s">
        <v>333</v>
      </c>
    </row>
    <row r="322" spans="1:23" s="18" customFormat="1" ht="19.899999999999999" customHeight="1">
      <c r="A322" s="28">
        <v>550330009</v>
      </c>
      <c r="B322" s="16" t="s">
        <v>1077</v>
      </c>
      <c r="C322" s="17" t="s">
        <v>1088</v>
      </c>
      <c r="D322" s="18" t="s">
        <v>135</v>
      </c>
      <c r="E322" s="16" t="s">
        <v>303</v>
      </c>
      <c r="F322" s="19" t="s">
        <v>1089</v>
      </c>
      <c r="G322" s="16" t="s">
        <v>1090</v>
      </c>
      <c r="H322" s="85"/>
      <c r="I322" s="85"/>
      <c r="J322" s="85" t="s">
        <v>130</v>
      </c>
      <c r="K322" s="85" t="s">
        <v>505</v>
      </c>
      <c r="L322" s="85" t="s">
        <v>1076</v>
      </c>
      <c r="M322" s="85" t="s">
        <v>1081</v>
      </c>
      <c r="N322" s="85" t="s">
        <v>409</v>
      </c>
      <c r="O322" s="85" t="s">
        <v>1048</v>
      </c>
      <c r="P322" s="85">
        <v>600</v>
      </c>
      <c r="Q322" s="85">
        <v>790</v>
      </c>
      <c r="R322" s="85" t="s">
        <v>36</v>
      </c>
      <c r="S322" s="85"/>
      <c r="T322" s="85" t="s">
        <v>31</v>
      </c>
      <c r="U322" s="85"/>
      <c r="V322" s="20" t="s">
        <v>37</v>
      </c>
      <c r="W322" s="85" t="s">
        <v>333</v>
      </c>
    </row>
    <row r="323" spans="1:23" s="18" customFormat="1" ht="19.899999999999999" customHeight="1">
      <c r="A323" s="28">
        <v>550330010</v>
      </c>
      <c r="B323" s="16" t="s">
        <v>1077</v>
      </c>
      <c r="C323" s="17" t="s">
        <v>1091</v>
      </c>
      <c r="D323" s="18" t="s">
        <v>135</v>
      </c>
      <c r="E323" s="16" t="s">
        <v>303</v>
      </c>
      <c r="F323" s="19" t="s">
        <v>1089</v>
      </c>
      <c r="G323" s="16" t="s">
        <v>1092</v>
      </c>
      <c r="H323" s="85"/>
      <c r="I323" s="85"/>
      <c r="J323" s="85" t="s">
        <v>130</v>
      </c>
      <c r="K323" s="85" t="s">
        <v>505</v>
      </c>
      <c r="L323" s="85" t="s">
        <v>1076</v>
      </c>
      <c r="M323" s="85" t="s">
        <v>1081</v>
      </c>
      <c r="N323" s="85" t="s">
        <v>409</v>
      </c>
      <c r="O323" s="85" t="s">
        <v>1048</v>
      </c>
      <c r="P323" s="85">
        <v>600</v>
      </c>
      <c r="Q323" s="85">
        <v>790</v>
      </c>
      <c r="R323" s="85" t="s">
        <v>36</v>
      </c>
      <c r="S323" s="85"/>
      <c r="T323" s="85" t="s">
        <v>31</v>
      </c>
      <c r="U323" s="85"/>
      <c r="V323" s="20" t="s">
        <v>37</v>
      </c>
      <c r="W323" s="85" t="s">
        <v>333</v>
      </c>
    </row>
    <row r="324" spans="1:23" s="18" customFormat="1" ht="19.899999999999999" customHeight="1">
      <c r="A324" s="28">
        <v>550330011</v>
      </c>
      <c r="B324" s="16" t="s">
        <v>1077</v>
      </c>
      <c r="C324" s="17" t="s">
        <v>1093</v>
      </c>
      <c r="D324" s="18" t="s">
        <v>135</v>
      </c>
      <c r="E324" s="16" t="s">
        <v>303</v>
      </c>
      <c r="F324" s="19" t="s">
        <v>1089</v>
      </c>
      <c r="G324" s="19" t="s">
        <v>1094</v>
      </c>
      <c r="H324" s="85"/>
      <c r="I324" s="85"/>
      <c r="J324" s="85" t="s">
        <v>130</v>
      </c>
      <c r="K324" s="85" t="s">
        <v>505</v>
      </c>
      <c r="L324" s="85" t="s">
        <v>1076</v>
      </c>
      <c r="M324" s="85" t="s">
        <v>1081</v>
      </c>
      <c r="N324" s="85" t="s">
        <v>409</v>
      </c>
      <c r="O324" s="85" t="s">
        <v>1048</v>
      </c>
      <c r="P324" s="85">
        <v>270</v>
      </c>
      <c r="Q324" s="85">
        <v>390</v>
      </c>
      <c r="R324" s="85" t="s">
        <v>36</v>
      </c>
      <c r="S324" s="85"/>
      <c r="T324" s="85" t="s">
        <v>31</v>
      </c>
      <c r="U324" s="85"/>
      <c r="V324" s="20" t="s">
        <v>37</v>
      </c>
      <c r="W324" s="85" t="s">
        <v>333</v>
      </c>
    </row>
    <row r="325" spans="1:23" s="18" customFormat="1" ht="19.899999999999999" customHeight="1">
      <c r="A325" s="28">
        <v>550330012</v>
      </c>
      <c r="B325" s="16" t="s">
        <v>1077</v>
      </c>
      <c r="C325" s="17" t="s">
        <v>1095</v>
      </c>
      <c r="D325" s="18" t="s">
        <v>135</v>
      </c>
      <c r="E325" s="16" t="s">
        <v>303</v>
      </c>
      <c r="F325" s="19" t="s">
        <v>1089</v>
      </c>
      <c r="G325" s="16" t="s">
        <v>1096</v>
      </c>
      <c r="H325" s="85"/>
      <c r="I325" s="85"/>
      <c r="J325" s="85" t="s">
        <v>130</v>
      </c>
      <c r="K325" s="85" t="s">
        <v>505</v>
      </c>
      <c r="L325" s="85" t="s">
        <v>1076</v>
      </c>
      <c r="M325" s="85" t="s">
        <v>1081</v>
      </c>
      <c r="N325" s="85" t="s">
        <v>409</v>
      </c>
      <c r="O325" s="85" t="s">
        <v>1048</v>
      </c>
      <c r="P325" s="85">
        <v>550</v>
      </c>
      <c r="Q325" s="85">
        <v>750</v>
      </c>
      <c r="R325" s="85" t="s">
        <v>36</v>
      </c>
      <c r="S325" s="85"/>
      <c r="T325" s="85" t="s">
        <v>31</v>
      </c>
      <c r="U325" s="85"/>
      <c r="V325" s="20" t="s">
        <v>37</v>
      </c>
      <c r="W325" s="85" t="s">
        <v>333</v>
      </c>
    </row>
    <row r="326" spans="1:23" s="18" customFormat="1" ht="19.899999999999999" customHeight="1">
      <c r="A326" s="28">
        <v>550330013</v>
      </c>
      <c r="B326" s="16" t="s">
        <v>1077</v>
      </c>
      <c r="C326" s="17" t="s">
        <v>1097</v>
      </c>
      <c r="D326" s="18" t="s">
        <v>135</v>
      </c>
      <c r="E326" s="16" t="s">
        <v>27</v>
      </c>
      <c r="F326" s="19" t="s">
        <v>1098</v>
      </c>
      <c r="G326" s="19" t="s">
        <v>1099</v>
      </c>
      <c r="H326" s="85"/>
      <c r="I326" s="85"/>
      <c r="J326" s="85" t="s">
        <v>130</v>
      </c>
      <c r="K326" s="85" t="s">
        <v>1027</v>
      </c>
      <c r="L326" s="85" t="s">
        <v>1072</v>
      </c>
      <c r="M326" s="85" t="s">
        <v>1100</v>
      </c>
      <c r="N326" s="85" t="s">
        <v>409</v>
      </c>
      <c r="O326" s="85" t="s">
        <v>1048</v>
      </c>
      <c r="P326" s="85">
        <v>240</v>
      </c>
      <c r="Q326" s="85">
        <v>290</v>
      </c>
      <c r="R326" s="85" t="s">
        <v>36</v>
      </c>
      <c r="S326" s="85"/>
      <c r="T326" s="85" t="s">
        <v>31</v>
      </c>
      <c r="U326" s="85"/>
      <c r="V326" s="20" t="s">
        <v>37</v>
      </c>
      <c r="W326" s="85" t="s">
        <v>333</v>
      </c>
    </row>
    <row r="327" spans="1:23" s="18" customFormat="1" ht="19.899999999999999" customHeight="1">
      <c r="A327" s="29">
        <v>439330001</v>
      </c>
      <c r="B327" s="16" t="s">
        <v>301</v>
      </c>
      <c r="C327" s="17" t="s">
        <v>1101</v>
      </c>
      <c r="D327" s="18" t="s">
        <v>135</v>
      </c>
      <c r="E327" s="30" t="s">
        <v>303</v>
      </c>
      <c r="F327" s="31" t="s">
        <v>1102</v>
      </c>
      <c r="G327" s="30" t="s">
        <v>1103</v>
      </c>
      <c r="H327" s="92"/>
      <c r="I327" s="92"/>
      <c r="J327" s="92" t="s">
        <v>130</v>
      </c>
      <c r="K327" s="92" t="s">
        <v>642</v>
      </c>
      <c r="L327" s="92" t="s">
        <v>505</v>
      </c>
      <c r="M327" s="92" t="s">
        <v>506</v>
      </c>
      <c r="N327" s="92" t="s">
        <v>409</v>
      </c>
      <c r="O327" s="92" t="s">
        <v>1048</v>
      </c>
      <c r="P327" s="92">
        <v>1185</v>
      </c>
      <c r="Q327" s="92">
        <v>1580</v>
      </c>
      <c r="R327" s="92" t="s">
        <v>36</v>
      </c>
      <c r="S327" s="92"/>
      <c r="T327" s="92" t="s">
        <v>31</v>
      </c>
      <c r="U327" s="92"/>
      <c r="V327" s="20" t="s">
        <v>37</v>
      </c>
      <c r="W327" s="92" t="s">
        <v>1104</v>
      </c>
    </row>
    <row r="328" spans="1:23" s="18" customFormat="1" ht="19.899999999999999" customHeight="1">
      <c r="A328" s="29">
        <v>439330003</v>
      </c>
      <c r="B328" s="16" t="s">
        <v>301</v>
      </c>
      <c r="C328" s="17" t="s">
        <v>1105</v>
      </c>
      <c r="D328" s="18" t="s">
        <v>135</v>
      </c>
      <c r="E328" s="30" t="s">
        <v>303</v>
      </c>
      <c r="F328" s="31" t="s">
        <v>1106</v>
      </c>
      <c r="G328" s="30" t="s">
        <v>1107</v>
      </c>
      <c r="H328" s="92"/>
      <c r="I328" s="92"/>
      <c r="J328" s="92" t="s">
        <v>130</v>
      </c>
      <c r="K328" s="92" t="s">
        <v>642</v>
      </c>
      <c r="L328" s="92" t="s">
        <v>505</v>
      </c>
      <c r="M328" s="92" t="s">
        <v>506</v>
      </c>
      <c r="N328" s="92" t="s">
        <v>409</v>
      </c>
      <c r="O328" s="92" t="s">
        <v>1048</v>
      </c>
      <c r="P328" s="92">
        <v>1295</v>
      </c>
      <c r="Q328" s="92">
        <v>1850</v>
      </c>
      <c r="R328" s="92" t="s">
        <v>36</v>
      </c>
      <c r="S328" s="92"/>
      <c r="T328" s="92" t="s">
        <v>31</v>
      </c>
      <c r="U328" s="92"/>
      <c r="V328" s="20" t="s">
        <v>37</v>
      </c>
      <c r="W328" s="92" t="s">
        <v>1104</v>
      </c>
    </row>
    <row r="329" spans="1:23" s="18" customFormat="1" ht="19.899999999999999" customHeight="1">
      <c r="A329" s="28">
        <v>439330004</v>
      </c>
      <c r="B329" s="16" t="s">
        <v>301</v>
      </c>
      <c r="C329" s="17" t="s">
        <v>1108</v>
      </c>
      <c r="D329" s="18" t="s">
        <v>135</v>
      </c>
      <c r="E329" s="16" t="s">
        <v>303</v>
      </c>
      <c r="F329" s="19" t="s">
        <v>1109</v>
      </c>
      <c r="G329" s="16" t="s">
        <v>1110</v>
      </c>
      <c r="H329" s="85"/>
      <c r="I329" s="85"/>
      <c r="J329" s="85" t="s">
        <v>130</v>
      </c>
      <c r="K329" s="85" t="s">
        <v>642</v>
      </c>
      <c r="L329" s="85" t="s">
        <v>505</v>
      </c>
      <c r="M329" s="85" t="s">
        <v>506</v>
      </c>
      <c r="N329" s="85" t="s">
        <v>409</v>
      </c>
      <c r="O329" s="85" t="s">
        <v>1048</v>
      </c>
      <c r="P329" s="85">
        <v>595</v>
      </c>
      <c r="Q329" s="85">
        <v>850</v>
      </c>
      <c r="R329" s="85" t="s">
        <v>36</v>
      </c>
      <c r="S329" s="85"/>
      <c r="T329" s="85" t="s">
        <v>31</v>
      </c>
      <c r="U329" s="85"/>
      <c r="V329" s="20" t="s">
        <v>37</v>
      </c>
      <c r="W329" s="85" t="s">
        <v>1104</v>
      </c>
    </row>
    <row r="330" spans="1:23" s="18" customFormat="1" ht="19.899999999999999" customHeight="1">
      <c r="A330" s="28">
        <v>439330005</v>
      </c>
      <c r="B330" s="16" t="s">
        <v>301</v>
      </c>
      <c r="C330" s="17" t="s">
        <v>1111</v>
      </c>
      <c r="D330" s="18" t="s">
        <v>135</v>
      </c>
      <c r="E330" s="16" t="s">
        <v>303</v>
      </c>
      <c r="F330" s="19" t="s">
        <v>1109</v>
      </c>
      <c r="G330" s="16" t="s">
        <v>1112</v>
      </c>
      <c r="H330" s="85"/>
      <c r="I330" s="85"/>
      <c r="J330" s="85" t="s">
        <v>130</v>
      </c>
      <c r="K330" s="85" t="s">
        <v>642</v>
      </c>
      <c r="L330" s="85" t="s">
        <v>505</v>
      </c>
      <c r="M330" s="85" t="s">
        <v>506</v>
      </c>
      <c r="N330" s="85" t="s">
        <v>409</v>
      </c>
      <c r="O330" s="85" t="s">
        <v>1048</v>
      </c>
      <c r="P330" s="85">
        <v>595</v>
      </c>
      <c r="Q330" s="85">
        <v>850</v>
      </c>
      <c r="R330" s="85" t="s">
        <v>36</v>
      </c>
      <c r="S330" s="85"/>
      <c r="T330" s="85" t="s">
        <v>31</v>
      </c>
      <c r="U330" s="85"/>
      <c r="V330" s="20" t="s">
        <v>37</v>
      </c>
      <c r="W330" s="85" t="s">
        <v>1104</v>
      </c>
    </row>
    <row r="331" spans="1:23" s="18" customFormat="1" ht="19.899999999999999" customHeight="1">
      <c r="A331" s="28">
        <v>439330006</v>
      </c>
      <c r="B331" s="16" t="s">
        <v>301</v>
      </c>
      <c r="C331" s="17" t="s">
        <v>1113</v>
      </c>
      <c r="D331" s="18" t="s">
        <v>135</v>
      </c>
      <c r="E331" s="16" t="s">
        <v>303</v>
      </c>
      <c r="F331" s="19" t="s">
        <v>1109</v>
      </c>
      <c r="G331" s="16" t="s">
        <v>1114</v>
      </c>
      <c r="H331" s="85"/>
      <c r="I331" s="85"/>
      <c r="J331" s="85" t="s">
        <v>130</v>
      </c>
      <c r="K331" s="85" t="s">
        <v>642</v>
      </c>
      <c r="L331" s="85" t="s">
        <v>505</v>
      </c>
      <c r="M331" s="85" t="s">
        <v>506</v>
      </c>
      <c r="N331" s="85" t="s">
        <v>409</v>
      </c>
      <c r="O331" s="85" t="s">
        <v>1048</v>
      </c>
      <c r="P331" s="85">
        <v>595</v>
      </c>
      <c r="Q331" s="85">
        <v>850</v>
      </c>
      <c r="R331" s="85" t="s">
        <v>36</v>
      </c>
      <c r="S331" s="85"/>
      <c r="T331" s="85" t="s">
        <v>31</v>
      </c>
      <c r="U331" s="85"/>
      <c r="V331" s="20" t="s">
        <v>37</v>
      </c>
      <c r="W331" s="85" t="s">
        <v>1104</v>
      </c>
    </row>
    <row r="332" spans="1:23" s="18" customFormat="1" ht="19.899999999999999" customHeight="1">
      <c r="A332" s="28">
        <v>439330007</v>
      </c>
      <c r="B332" s="16" t="s">
        <v>301</v>
      </c>
      <c r="C332" s="17" t="s">
        <v>1115</v>
      </c>
      <c r="D332" s="18" t="s">
        <v>135</v>
      </c>
      <c r="E332" s="16" t="s">
        <v>86</v>
      </c>
      <c r="F332" s="19" t="s">
        <v>1109</v>
      </c>
      <c r="G332" s="16" t="s">
        <v>1116</v>
      </c>
      <c r="H332" s="85"/>
      <c r="I332" s="85"/>
      <c r="J332" s="85" t="s">
        <v>130</v>
      </c>
      <c r="K332" s="85" t="s">
        <v>1017</v>
      </c>
      <c r="L332" s="85" t="s">
        <v>1027</v>
      </c>
      <c r="M332" s="85" t="s">
        <v>505</v>
      </c>
      <c r="N332" s="85" t="s">
        <v>409</v>
      </c>
      <c r="O332" s="85" t="s">
        <v>1048</v>
      </c>
      <c r="P332" s="85">
        <v>840</v>
      </c>
      <c r="Q332" s="85">
        <v>1200</v>
      </c>
      <c r="R332" s="85" t="s">
        <v>36</v>
      </c>
      <c r="S332" s="85"/>
      <c r="T332" s="85" t="s">
        <v>31</v>
      </c>
      <c r="U332" s="85"/>
      <c r="V332" s="20" t="s">
        <v>37</v>
      </c>
      <c r="W332" s="85" t="s">
        <v>1104</v>
      </c>
    </row>
    <row r="333" spans="1:23" s="18" customFormat="1" ht="19.899999999999999" customHeight="1">
      <c r="A333" s="28">
        <v>332340006</v>
      </c>
      <c r="B333" s="16"/>
      <c r="C333" s="17" t="s">
        <v>1117</v>
      </c>
      <c r="D333" s="18" t="s">
        <v>137</v>
      </c>
      <c r="E333" s="16" t="s">
        <v>86</v>
      </c>
      <c r="F333" s="19" t="s">
        <v>1118</v>
      </c>
      <c r="G333" s="16" t="s">
        <v>1119</v>
      </c>
      <c r="H333" s="85"/>
      <c r="I333" s="85"/>
      <c r="J333" s="85" t="s">
        <v>1026</v>
      </c>
      <c r="K333" s="85" t="s">
        <v>1016</v>
      </c>
      <c r="L333" s="85" t="s">
        <v>1120</v>
      </c>
      <c r="M333" s="85" t="s">
        <v>31</v>
      </c>
      <c r="N333" s="85" t="s">
        <v>409</v>
      </c>
      <c r="O333" s="85" t="s">
        <v>1048</v>
      </c>
      <c r="P333" s="85">
        <v>35</v>
      </c>
      <c r="Q333" s="85">
        <v>60</v>
      </c>
      <c r="R333" s="85" t="s">
        <v>36</v>
      </c>
      <c r="S333" s="85"/>
      <c r="T333" s="85" t="s">
        <v>31</v>
      </c>
      <c r="U333" s="85"/>
      <c r="V333" s="20" t="s">
        <v>37</v>
      </c>
      <c r="W333" s="85" t="s">
        <v>1121</v>
      </c>
    </row>
    <row r="334" spans="1:23" s="18" customFormat="1" ht="19.899999999999999" customHeight="1">
      <c r="A334" s="28">
        <v>332340015</v>
      </c>
      <c r="B334" s="16"/>
      <c r="C334" s="17" t="s">
        <v>1122</v>
      </c>
      <c r="D334" s="18" t="s">
        <v>137</v>
      </c>
      <c r="E334" s="16" t="s">
        <v>86</v>
      </c>
      <c r="F334" s="19" t="s">
        <v>1118</v>
      </c>
      <c r="G334" s="16" t="s">
        <v>1123</v>
      </c>
      <c r="H334" s="85"/>
      <c r="I334" s="85"/>
      <c r="J334" s="85" t="s">
        <v>1026</v>
      </c>
      <c r="K334" s="85" t="s">
        <v>1124</v>
      </c>
      <c r="L334" s="85"/>
      <c r="M334" s="85"/>
      <c r="N334" s="85" t="s">
        <v>409</v>
      </c>
      <c r="O334" s="85" t="s">
        <v>1048</v>
      </c>
      <c r="P334" s="85">
        <v>1200</v>
      </c>
      <c r="Q334" s="85">
        <v>1700</v>
      </c>
      <c r="R334" s="85" t="s">
        <v>36</v>
      </c>
      <c r="S334" s="85"/>
      <c r="T334" s="85" t="s">
        <v>31</v>
      </c>
      <c r="U334" s="85"/>
      <c r="V334" s="20" t="s">
        <v>37</v>
      </c>
      <c r="W334" s="85" t="s">
        <v>1121</v>
      </c>
    </row>
    <row r="335" spans="1:23" s="18" customFormat="1" ht="19.899999999999999" customHeight="1">
      <c r="A335" s="28">
        <v>332340004</v>
      </c>
      <c r="B335" s="16"/>
      <c r="C335" s="17" t="s">
        <v>1125</v>
      </c>
      <c r="D335" s="18" t="s">
        <v>137</v>
      </c>
      <c r="E335" s="16" t="s">
        <v>86</v>
      </c>
      <c r="F335" s="19" t="s">
        <v>1118</v>
      </c>
      <c r="G335" s="16" t="s">
        <v>1126</v>
      </c>
      <c r="H335" s="85"/>
      <c r="I335" s="85"/>
      <c r="J335" s="85" t="s">
        <v>1026</v>
      </c>
      <c r="K335" s="85" t="s">
        <v>1127</v>
      </c>
      <c r="L335" s="85"/>
      <c r="M335" s="85"/>
      <c r="N335" s="85" t="s">
        <v>409</v>
      </c>
      <c r="O335" s="85" t="s">
        <v>1048</v>
      </c>
      <c r="P335" s="85">
        <v>280</v>
      </c>
      <c r="Q335" s="85">
        <v>390</v>
      </c>
      <c r="R335" s="85" t="s">
        <v>36</v>
      </c>
      <c r="S335" s="85"/>
      <c r="T335" s="85" t="s">
        <v>31</v>
      </c>
      <c r="U335" s="85"/>
      <c r="V335" s="20" t="s">
        <v>37</v>
      </c>
      <c r="W335" s="85" t="s">
        <v>1121</v>
      </c>
    </row>
    <row r="336" spans="1:23" s="18" customFormat="1" ht="19.899999999999999" customHeight="1">
      <c r="A336" s="28">
        <v>332340008</v>
      </c>
      <c r="B336" s="16"/>
      <c r="C336" s="17" t="s">
        <v>1128</v>
      </c>
      <c r="D336" s="18" t="s">
        <v>137</v>
      </c>
      <c r="E336" s="16" t="s">
        <v>86</v>
      </c>
      <c r="F336" s="19" t="s">
        <v>1118</v>
      </c>
      <c r="G336" s="16" t="s">
        <v>1129</v>
      </c>
      <c r="H336" s="85"/>
      <c r="I336" s="85"/>
      <c r="J336" s="85" t="s">
        <v>1026</v>
      </c>
      <c r="K336" s="85" t="s">
        <v>1130</v>
      </c>
      <c r="L336" s="85"/>
      <c r="M336" s="85"/>
      <c r="N336" s="85" t="s">
        <v>409</v>
      </c>
      <c r="O336" s="85" t="s">
        <v>1048</v>
      </c>
      <c r="P336" s="85">
        <v>400</v>
      </c>
      <c r="Q336" s="85">
        <v>550</v>
      </c>
      <c r="R336" s="85" t="s">
        <v>36</v>
      </c>
      <c r="S336" s="85"/>
      <c r="T336" s="85" t="s">
        <v>31</v>
      </c>
      <c r="U336" s="85"/>
      <c r="V336" s="20" t="s">
        <v>37</v>
      </c>
      <c r="W336" s="85" t="s">
        <v>1121</v>
      </c>
    </row>
    <row r="337" spans="1:23" s="18" customFormat="1" ht="19.899999999999999" customHeight="1">
      <c r="A337" s="28">
        <v>332340005</v>
      </c>
      <c r="B337" s="16"/>
      <c r="C337" s="17" t="s">
        <v>1131</v>
      </c>
      <c r="D337" s="18" t="s">
        <v>137</v>
      </c>
      <c r="E337" s="16" t="s">
        <v>86</v>
      </c>
      <c r="F337" s="19" t="s">
        <v>1118</v>
      </c>
      <c r="G337" s="16" t="s">
        <v>1132</v>
      </c>
      <c r="H337" s="85"/>
      <c r="I337" s="85"/>
      <c r="J337" s="85" t="s">
        <v>1026</v>
      </c>
      <c r="K337" s="85" t="s">
        <v>1133</v>
      </c>
      <c r="L337" s="85"/>
      <c r="M337" s="85"/>
      <c r="N337" s="85" t="s">
        <v>409</v>
      </c>
      <c r="O337" s="85" t="s">
        <v>1048</v>
      </c>
      <c r="P337" s="85">
        <v>60</v>
      </c>
      <c r="Q337" s="85">
        <v>90</v>
      </c>
      <c r="R337" s="85" t="s">
        <v>36</v>
      </c>
      <c r="S337" s="85"/>
      <c r="T337" s="85" t="s">
        <v>31</v>
      </c>
      <c r="U337" s="85"/>
      <c r="V337" s="20" t="s">
        <v>37</v>
      </c>
      <c r="W337" s="85" t="s">
        <v>1121</v>
      </c>
    </row>
    <row r="338" spans="1:23" s="18" customFormat="1" ht="19.899999999999999" customHeight="1">
      <c r="A338" s="28">
        <v>332340007</v>
      </c>
      <c r="B338" s="16"/>
      <c r="C338" s="17" t="s">
        <v>1134</v>
      </c>
      <c r="D338" s="18" t="s">
        <v>137</v>
      </c>
      <c r="E338" s="16" t="s">
        <v>86</v>
      </c>
      <c r="F338" s="19" t="s">
        <v>1135</v>
      </c>
      <c r="G338" s="16" t="s">
        <v>1136</v>
      </c>
      <c r="H338" s="85"/>
      <c r="I338" s="85"/>
      <c r="J338" s="85" t="s">
        <v>1026</v>
      </c>
      <c r="K338" s="85" t="s">
        <v>1130</v>
      </c>
      <c r="L338" s="85"/>
      <c r="M338" s="85"/>
      <c r="N338" s="85" t="s">
        <v>409</v>
      </c>
      <c r="O338" s="85" t="s">
        <v>1048</v>
      </c>
      <c r="P338" s="85">
        <v>300</v>
      </c>
      <c r="Q338" s="85">
        <v>400</v>
      </c>
      <c r="R338" s="85" t="s">
        <v>36</v>
      </c>
      <c r="S338" s="85"/>
      <c r="T338" s="85" t="s">
        <v>31</v>
      </c>
      <c r="U338" s="85"/>
      <c r="V338" s="20" t="s">
        <v>37</v>
      </c>
      <c r="W338" s="85" t="s">
        <v>1121</v>
      </c>
    </row>
    <row r="339" spans="1:23" s="18" customFormat="1" ht="19.899999999999999" customHeight="1">
      <c r="A339" s="28">
        <v>332330009</v>
      </c>
      <c r="B339" s="16"/>
      <c r="C339" s="17" t="s">
        <v>1137</v>
      </c>
      <c r="D339" s="18" t="s">
        <v>135</v>
      </c>
      <c r="E339" s="16" t="s">
        <v>27</v>
      </c>
      <c r="F339" s="19" t="s">
        <v>1135</v>
      </c>
      <c r="G339" s="19" t="s">
        <v>1138</v>
      </c>
      <c r="H339" s="85"/>
      <c r="I339" s="85"/>
      <c r="J339" s="85" t="s">
        <v>1026</v>
      </c>
      <c r="K339" s="85" t="s">
        <v>1139</v>
      </c>
      <c r="L339" s="85"/>
      <c r="M339" s="85"/>
      <c r="N339" s="85" t="s">
        <v>409</v>
      </c>
      <c r="O339" s="85" t="s">
        <v>1048</v>
      </c>
      <c r="P339" s="85">
        <v>190</v>
      </c>
      <c r="Q339" s="85">
        <v>270</v>
      </c>
      <c r="R339" s="85" t="s">
        <v>36</v>
      </c>
      <c r="S339" s="85"/>
      <c r="T339" s="85" t="s">
        <v>31</v>
      </c>
      <c r="U339" s="85"/>
      <c r="V339" s="20" t="s">
        <v>37</v>
      </c>
      <c r="W339" s="85" t="s">
        <v>1121</v>
      </c>
    </row>
    <row r="340" spans="1:23" s="18" customFormat="1" ht="19.899999999999999" customHeight="1">
      <c r="A340" s="28">
        <v>332330010</v>
      </c>
      <c r="B340" s="16"/>
      <c r="C340" s="17" t="s">
        <v>1140</v>
      </c>
      <c r="D340" s="18" t="s">
        <v>135</v>
      </c>
      <c r="E340" s="16" t="s">
        <v>27</v>
      </c>
      <c r="F340" s="19" t="s">
        <v>1135</v>
      </c>
      <c r="G340" s="16" t="s">
        <v>1141</v>
      </c>
      <c r="H340" s="85"/>
      <c r="I340" s="85"/>
      <c r="J340" s="85" t="s">
        <v>1026</v>
      </c>
      <c r="K340" s="85" t="s">
        <v>1142</v>
      </c>
      <c r="L340" s="85"/>
      <c r="M340" s="85"/>
      <c r="N340" s="85" t="s">
        <v>409</v>
      </c>
      <c r="O340" s="85" t="s">
        <v>1048</v>
      </c>
      <c r="P340" s="85">
        <v>140</v>
      </c>
      <c r="Q340" s="85">
        <v>210</v>
      </c>
      <c r="R340" s="85" t="s">
        <v>36</v>
      </c>
      <c r="S340" s="85"/>
      <c r="T340" s="85" t="s">
        <v>31</v>
      </c>
      <c r="U340" s="85"/>
      <c r="V340" s="20" t="s">
        <v>37</v>
      </c>
      <c r="W340" s="85" t="s">
        <v>1121</v>
      </c>
    </row>
    <row r="341" spans="1:23" s="18" customFormat="1" ht="19.899999999999999" customHeight="1">
      <c r="A341" s="28">
        <v>332330011</v>
      </c>
      <c r="B341" s="16"/>
      <c r="C341" s="17" t="s">
        <v>1143</v>
      </c>
      <c r="D341" s="18" t="s">
        <v>135</v>
      </c>
      <c r="E341" s="16" t="s">
        <v>27</v>
      </c>
      <c r="F341" s="19" t="s">
        <v>1135</v>
      </c>
      <c r="G341" s="16" t="s">
        <v>1119</v>
      </c>
      <c r="H341" s="85"/>
      <c r="I341" s="85"/>
      <c r="J341" s="85" t="s">
        <v>1026</v>
      </c>
      <c r="K341" s="85" t="s">
        <v>1142</v>
      </c>
      <c r="L341" s="85"/>
      <c r="M341" s="85"/>
      <c r="N341" s="85" t="s">
        <v>409</v>
      </c>
      <c r="O341" s="85" t="s">
        <v>1048</v>
      </c>
      <c r="P341" s="85">
        <v>150</v>
      </c>
      <c r="Q341" s="85">
        <v>230</v>
      </c>
      <c r="R341" s="85" t="s">
        <v>36</v>
      </c>
      <c r="S341" s="85"/>
      <c r="T341" s="85" t="s">
        <v>31</v>
      </c>
      <c r="U341" s="85"/>
      <c r="V341" s="20" t="s">
        <v>37</v>
      </c>
      <c r="W341" s="85" t="s">
        <v>1121</v>
      </c>
    </row>
  </sheetData>
  <mergeCells count="18">
    <mergeCell ref="Q2:Q3"/>
    <mergeCell ref="R2:R3"/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6T03:09:42Z</dcterms:modified>
</cp:coreProperties>
</file>